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comments.xml" ContentType="application/vnd.openxmlformats-officedocument.wordprocessingml.comments+xml"/>
</Types>
</file>

<file path=_rels/.rels><?xml version="1.0" encoding="UTF-8" standalone="yes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>
      <w:pPr/>
      <w:r>
        <w:rPr/>
        <w:t xml:space="preserve">{\rtf1\adeflang1025\ansi\ansicpg1252\uc1\adeff31507\deff0\stshfdbch31506\stshfloch31506\stshfhich31506\stshfbi31507\deflang1033\deflangfe1033\themelang1033\themelangfe0\themelangcs0{\fonttbl{\f0\fbidi \froman\fcharset0\fprq2{\*\panose 02020603050405020304}Times New Roman;}{\f1\fbidi \fswiss\fcharset0\fprq2{\*\panose 020b0604020202020204}Arial;}
{\f34\fbidi \froman\fcharset0\fprq2{\*\panose 02040503050406030204}Cambria Math;}{\f37\fbidi \fswiss\fcharset0\fprq2{\*\panose 020f0502020204030204}Calibri;}{\f43\fbidi \fswiss\fcharset0\fprq2{\*\panose 020b0502040204020203}Segoe UI;}
{\f44\fbidi \froman\fcharset0\fprq2{\*\panose 00000000000000000000}Bookman Old Style;}{\flomajor\f31500\fbidi \froman\fcharset0\fprq2{\*\panose 02020603050405020304}Times New Roman;}
{\fdbmajor\f31501\fbidi \froman\fcharset0\fprq2{\*\panose 02020603050405020304}Times New Roman;}{\fhimajor\f31502\fbidi \fswiss\fcharset0\fprq2{\*\panose 020f0302020204030204}Calibri Light;}
{\fbimajor\f31503\fbidi \froman\fcharset0\fprq2{\*\panose 02020603050405020304}Times New Roman;}{\flominor\f31504\fbidi \froman\fcharset0\fprq2{\*\panose 02020603050405020304}Times New Roman;}
{\fdbminor\f31505\fbidi \froman\fcharset0\fprq2{\*\panose 02020603050405020304}Times New Roman;}{\fhiminor\f31506\fbidi \fswiss\fcharset0\fprq2{\*\panose 020f0502020204030204}Calibri;}
{\fbiminor\f31507\fbidi \froman\fcharset0\fprq2{\*\panose 02020603050405020304}Times New Roman;}{\f45\fbidi \froman\fcharset238\fprq2 Times New Roman CE;}{\f46\fbidi \froman\fcharset204\fprq2 Times New Roman Cyr;}
{\f48\fbidi \froman\fcharset161\fprq2 Times New Roman Greek;}{\f49\fbidi \froman\fcharset162\fprq2 Times New Roman Tur;}{\f50\fbidi \froman\fcharset177\fprq2 Times New Roman (Hebrew);}{\f51\fbidi \froman\fcharset178\fprq2 Times New Roman (Arabic);}
{\f52\fbidi \froman\fcharset186\fprq2 Times New Roman Baltic;}{\f53\fbidi \froman\fcharset163\fprq2 Times New Roman (Vietnamese);}{\f55\fbidi \fswiss\fcharset238\fprq2 Arial CE;}{\f56\fbidi \fswiss\fcharset204\fprq2 Arial Cyr;}
{\f58\fbidi \fswiss\fcharset161\fprq2 Arial Greek;}{\f59\fbidi \fswiss\fcharset162\fprq2 Arial Tur;}{\f60\fbidi \fswiss\fcharset177\fprq2 Arial (Hebrew);}{\f61\fbidi \fswiss\fcharset178\fprq2 Arial (Arabic);}
{\f62\fbidi \fswiss\fcharset186\fprq2 Arial Baltic;}{\f63\fbidi \fswiss\fcharset163\fprq2 Arial (Vietnamese);}{\f415\fbidi \fswiss\fcharset238\fprq2 Calibri CE;}{\f416\fbidi \fswiss\fcharset204\fprq2 Calibri Cyr;}
{\f418\fbidi \fswiss\fcharset161\fprq2 Calibri Greek;}{\f419\fbidi \fswiss\fcharset162\fprq2 Calibri Tur;}{\f420\fbidi \fswiss\fcharset177\fprq2 Calibri (Hebrew);}{\f421\fbidi \fswiss\fcharset178\fprq2 Calibri (Arabic);}
{\f422\fbidi \fswiss\fcharset186\fprq2 Calibri Baltic;}{\f423\fbidi \fswiss\fcharset163\fprq2 Calibri (Vietnamese);}{\f475\fbidi \fswiss\fcharset238\fprq2 Segoe UI CE;}{\f476\fbidi \fswiss\fcharset204\fprq2 Segoe UI Cyr;}
{\f478\fbidi \fswiss\fcharset161\fprq2 Segoe UI Greek;}{\f479\fbidi \fswiss\fcharset162\fprq2 Segoe UI Tur;}{\f480\fbidi \fswiss\fcharset177\fprq2 Segoe UI (Hebrew);}{\f481\fbidi \fswiss\fcharset178\fprq2 Segoe UI (Arabic);}
{\f482\fbidi \fswiss\fcharset186\fprq2 Segoe UI Baltic;}{\f483\fbidi \fswiss\fcharset163\fprq2 Segoe UI (Vietnamese);}{\f485\fbidi \froman\fcharset238\fprq2 Bookman Old Style CE;}{\f486\fbidi \froman\fcharset204\fprq2 Bookman Old Style Cyr;}
{\f488\fbidi \froman\fcharset161\fprq2 Bookman Old Style Greek;}{\f489\fbidi \froman\fcharset162\fprq2 Bookman Old Style Tur;}{\f492\fbidi \froman\fcharset186\fprq2 Bookman Old Style Baltic;}
{\flomajor\f31508\fbidi \froman\fcharset238\fprq2 Times New Roman CE;}{\flomajor\f31509\fbidi \froman\fcharset204\fprq2 Times New Roman Cyr;}{\flomajor\f31511\fbidi \froman\fcharset161\fprq2 Times New Roman Greek;}
{\flomajor\f31512\fbidi \froman\fcharset162\fprq2 Times New Roman Tur;}{\flomajor\f31513\fbidi \froman\fcharset177\fprq2 Times New Roman (Hebrew);}{\flomajor\f31514\fbidi \froman\fcharset178\fprq2 Times New Roman (Arabic);}
{\flomajor\f31515\fbidi \froman\fcharset186\fprq2 Times New Roman Baltic;}{\flomajor\f31516\fbidi \froman\fcharset163\fprq2 Times New Roman (Vietnamese);}{\fdbmajor\f31518\fbidi \froman\fcharset238\fprq2 Times New Roman CE;}
{\fdbmajor\f31519\fbidi \froman\fcharset204\fprq2 Times New Roman Cyr;}{\fdbmajor\f31521\fbidi \froman\fcharset161\fprq2 Times New Roman Greek;}{\fdbmajor\f31522\fbidi \froman\fcharset162\fprq2 Times New Roman Tur;}
{\fdbmajor\f31523\fbidi \froman\fcharset177\fprq2 Times New Roman (Hebrew);}{\fdbmajor\f31524\fbidi \froman\fcharset178\fprq2 Times New Roman (Arabic);}{\fdbmajor\f31525\fbidi \froman\fcharset186\fprq2 Times New Roman Baltic;}
{\fdbmajor\f31526\fbidi \froman\fcharset163\fprq2 Times New Roman (Vietnamese);}{\fhimajor\f31528\fbidi \fswiss\fcharset238\fprq2 Calibri Light CE;}{\fhimajor\f31529\fbidi \fswiss\fcharset204\fprq2 Calibri Light Cyr;}
{\fhimajor\f31531\fbidi \fswiss\fcharset161\fprq2 Calibri Light Greek;}{\fhimajor\f31532\fbidi \fswiss\fcharset162\fprq2 Calibri Light Tur;}{\fhimajor\f31533\fbidi \fswiss\fcharset177\fprq2 Calibri Light (Hebrew);}
{\fhimajor\f31534\fbidi \fswiss\fcharset178\fprq2 Calibri Light (Arabic);}{\fhimajor\f31535\fbidi \fswiss\fcharset186\fprq2 Calibri Light Baltic;}{\fhimajor\f31536\fbidi \fswiss\fcharset163\fprq2 Calibri Light (Vietnamese);}
{\fbimajor\f31538\fbidi \froman\fcharset238\fprq2 Times New Roman CE;}{\fbimajor\f31539\fbidi \froman\fcharset204\fprq2 Times New Roman Cyr;}{\fbimajor\f31541\fbidi \froman\fcharset161\fprq2 Times New Roman Greek;}
{\fbimajor\f31542\fbidi \froman\fcharset162\fprq2 Times New Roman Tur;}{\fbimajor\f31543\fbidi \froman\fcharset177\fprq2 Times New Roman (Hebrew);}{\fbimajor\f31544\fbidi \froman\fcharset178\fprq2 Times New Roman (Arabic);}
{\fbimajor\f31545\fbidi \froman\fcharset186\fprq2 Times New Roman Baltic;}{\fbimajor\f31546\fbidi \froman\fcharset163\fprq2 Times New Roman (Vietnamese);}{\flominor\f31548\fbidi \froman\fcharset238\fprq2 Times New Roman CE;}
{\flominor\f31549\fbidi \froman\fcharset204\fprq2 Times New Roman Cyr;}{\flominor\f31551\fbidi \froman\fcharset161\fprq2 Times New Roman Greek;}{\flominor\f31552\fbidi \froman\fcharset162\fprq2 Times New Roman Tur;}
{\flominor\f31553\fbidi \froman\fcharset177\fprq2 Times New Roman (Hebrew);}{\flominor\f31554\fbidi \froman\fcharset178\fprq2 Times New Roman (Arabic);}{\flominor\f31555\fbidi \froman\fcharset186\fprq2 Times New Roman Baltic;}
{\flominor\f31556\fbidi \froman\fcharset163\fprq2 Times New Roman (Vietnamese);}{\fdbminor\f31558\fbidi \froman\fcharset238\fprq2 Times New Roman CE;}{\fdbminor\f31559\fbidi \froman\fcharset204\fprq2 Times New Roman Cyr;}
{\fdbminor\f31561\fbidi \froman\fcharset161\fprq2 Times New Roman Greek;}{\fdbminor\f31562\fbidi \froman\fcharset162\fprq2 Times New Roman Tur;}{\fdbminor\f31563\fbidi \froman\fcharset177\fprq2 Times New Roman (Hebrew);}
{\fdbminor\f31564\fbidi \froman\fcharset178\fprq2 Times New Roman (Arabic);}{\fdbminor\f31565\fbidi \froman\fcharset186\fprq2 Times New Roman Baltic;}{\fdbminor\f31566\fbidi \froman\fcharset163\fprq2 Times New Roman (Vietnamese);}
{\fhiminor\f31568\fbidi \fswiss\fcharset238\fprq2 Calibri CE;}{\fhiminor\f31569\fbidi \fswiss\fcharset204\fprq2 Calibri Cyr;}{\fhiminor\f31571\fbidi \fswiss\fcharset161\fprq2 Calibri Greek;}{\fhiminor\f31572\fbidi \fswiss\fcharset162\fprq2 Calibri Tur;}
{\fhiminor\f31573\fbidi \fswiss\fcharset177\fprq2 Calibri (Hebrew);}{\fhiminor\f31574\fbidi \fswiss\fcharset178\fprq2 Calibri (Arabic);}{\fhiminor\f31575\fbidi \fswiss\fcharset186\fprq2 Calibri Baltic;}
{\fhiminor\f31576\fbidi \fswiss\fcharset163\fprq2 Calibri (Vietnamese);}{\fbiminor\f31578\fbidi \froman\fcharset238\fprq2 Times New Roman CE;}{\fbiminor\f31579\fbidi \froman\fcharset204\fprq2 Times New Roman Cyr;}
{\fbiminor\f31581\fbidi \froman\fcharset161\fprq2 Times New Roman Greek;}{\fbiminor\f31582\fbidi \froman\fcharset162\fprq2 Times New Roman Tur;}{\fbiminor\f31583\fbidi \froman\fcharset177\fprq2 Times New Roman (Hebrew);}
{\fbiminor\f31584\fbidi \froman\fcharset178\fprq2 Times New Roman (Arabic);}{\fbiminor\f31585\fbidi \froman\fcharset186\fprq2 Times New Roman Baltic;}{\fbiminor\f31586\fbidi \froman\fcharset163\fprq2 Times New Roman (Vietnamese);}}
{\colortbl;\red0\green0\blue0;\red0\green0\blue255;\red0\green255\blue255;\red0\green255\blue0;\red255\green0\blue255;\red255\green0\blue0;\red255\green255\blue0;\red255\green255\blue255;\red0\green0\blue128;\red0\green128\blue128;\red0\green128\blue0;
\red128\green0\blue128;\red128\green0\blue0;\red128\green128\blue0;\red128\green128\blue128;\red192\green192\blue192;\red0\green0\blue0;\red0\green0\blue0;\chyperlink\ctint255\cshade255\red5\green99\blue193;\red96\green94\blue92;\red225\green223\blue221;
\red73\green80\blue87;}{\*\defchp \f31506\fs22\kerning2 }{\*\defpap \ql \li0\ri0\sa160\sl259\slmult1\widctlpar\wrapdefault\aspalpha\aspnum\faauto\adjustright\rin0\lin0\itap0 }\noqfpromote {\stylesheet{\ql \li0\ri0\sa160\sl259\slmult1
\widctlpar\wrapdefault\aspalpha\aspnum\faauto\adjustright\rin0\lin0\itap0 \rtlch\fcs1 \af31507\afs22\alang1025 \ltrch\fcs0 \f31506\fs22\lang1033\langfe1033\kerning2\cgrid\langnp1033\langfenp1033 \snext0 \sqformat \spriority0 \styrsid10893327 Normal;}{\*
\cs10 \additive \ssemihidden \sunhideused \spriority1 Default Paragraph Font;}{\*
\ts11\tsrowd\trftsWidthB3\trpaddl108\trpaddr108\trpaddfl3\trpaddft3\trpaddfb3\trpaddfr3\tblind0\tblindtype3\tsvertalt\tsbrdrt\tsbrdrl\tsbrdrb\tsbrdrr\tsbrdrdgl\tsbrdrdgr\tsbrdrh\tsbrdrv \ql \li0\ri0\sa160\sl259\slmult1
\widctlpar\wrapdefault\aspalpha\aspnum\faauto\adjustright\rin0\lin0\itap0 \rtlch\fcs1 \af31507\afs22\alang1025 \ltrch\fcs0 \f31506\fs22\lang1033\langfe1033\kerning2\cgrid\langnp1033\langfenp1033 \snext11 \ssemihidden \sunhideused Normal Table;}{\*\cs15 
\additive \rtlch\fcs1 \af0 \ltrch\fcs0 \ul\cf19 \sbasedon10 \sunhideused \styrsid2122494 Hyperlink;}{\*\cs16 \additive \rtlch\fcs1 \af0 \ltrch\fcs0 \cf20\chshdng0\chcfpat0\chcbpat21 \sbasedon10 \ssemihidden \sunhideused \styrsid2122494 
Unresolved Mention1;}{\s17\ql \li0\ri0\widctlpar\tqc\tx4680\tqr\tx9360\wrapdefault\aspalpha\aspnum\faauto\adjustright\rin0\lin0\itap0 \rtlch\fcs1 \af31507\afs22\alang1025 \ltrch\fcs0 \f31506\fs22\lang1033\langfe1033\kerning2\cgrid\langnp1033\langfenp1033 
\sbasedon0 \snext17 \slink18 \sunhideused \styrsid15143971 header;}{\*\cs18 \additive \rtlch\fcs1 \af0 \ltrch\fcs0 \sbasedon10 \slink17 \slocked \styrsid15143971 Header Char;}{\s19\ql \li0\ri0\widctlpar
\tqc\tx4680\tqr\tx9360\wrapdefault\aspalpha\aspnum\faauto\adjustright\rin0\lin0\itap0 \rtlch\fcs1 \af31507\afs22\alang1025 \ltrch\fcs0 \f31506\fs22\lang1033\langfe1033\kerning2\cgrid\langnp1033\langfenp1033 
\sbasedon0 \snext19 \slink20 \sunhideused \styrsid15143971 footer;}{\*\cs20 \additive \rtlch\fcs1 \af0 \ltrch\fcs0 \sbasedon10 \slink19 \slocked \styrsid15143971 Footer Char;}{\s21\ql \li720\ri0\sa160\sl259\slmult1
\widctlpar\wrapdefault\aspalpha\aspnum\faauto\adjustright\rin0\lin720\itap0\contextualspace \rtlch\fcs1 \af31507\afs22\alang1025 \ltrch\fcs0 \f31506\fs22\lang1033\langfe1033\kerning2\cgrid\langnp1033\langfenp1033 
\sbasedon0 \snext21 \sqformat \spriority34 \styrsid882176 List Paragraph;}{\*\ts22\tsrowd\trbrdrt\brdrs\brdrw10 \trbrdrl\brdrs\brdrw10 \trbrdrb\brdrs\brdrw10 \trbrdrr\brdrs\brdrw10 \trbrdrh\brdrs\brdrw10 \trbrdrv\brdrs\brdrw10 
\trftsWidthB3\trpaddl108\trpaddr108\trpaddfl3\trpaddft3\trpaddfb3\trpaddfr3\tblind0\tblindtype3\tsvertalt\tsbrdrt\tsbrdrl\tsbrdrb\tsbrdrr\tsbrdrdgl\tsbrdrdgr\tsbrdrh\tsbrdrv 
\ql \li0\ri0\widctlpar\wrapdefault\aspalpha\aspnum\faauto\adjustright\rin0\lin0\itap0 \rtlch\fcs1 \af31507\afs22\alang1025 \ltrch\fcs0 \f31506\fs22\lang1033\langfe1033\kerning2\cgrid\langnp1033\langfenp1033 
\sbasedon11 \snext22 \spriority39 \styrsid7344685 Table Grid;}{\s23\ql \li0\ri0\widctlpar\wrapdefault\aspalpha\aspnum\faauto\adjustright\rin0\lin0\itap0 \rtlch\fcs1 \af43\afs18\alang1025 \ltrch\fcs0 
\f43\fs18\lang1033\langfe1033\kerning2\cgrid\langnp1033\langfenp1033 \sbasedon0 \snext23 \slink24 \ssemihidden \sunhideused \styrsid4600938 Balloon Text;}{\*\cs24 \additive \rtlch\fcs1 \af43\afs18 \ltrch\fcs0 \f43\fs18 
\sbasedon10 \slink23 \slocked \ssemihidden \styrsid4600938 Balloon Text Char;}}{\*\listtable{\list\listtemplateid-1890259488\listhybrid{\listlevel\levelnfc0\levelnfcn0\leveljc0\leveljcn0\levelfollow0\levelstartat1\levelspace0\levelindent0{\leveltext
\leveltemplateid940113935\'02\'00.;}{\levelnumbers\'01;}\rtlch\fcs1 \af0 \ltrch\fcs0 \fbias0 \fi-360\li720\lin720 }{\listlevel\levelnfc4\levelnfcn4\leveljc0\leveljcn0\levelfollow0\levelstartat1\lvltentative\levelspace0\levelindent0{\leveltext
\leveltemplateid940113945\'02\'01.;}{\levelnumbers\'01;}\rtlch\fcs1 \af0 \ltrch\fcs0 \fi-360\li1440\lin1440 }{\listlevel\levelnfc2\levelnfcn2\leveljc2\leveljcn2\levelfollow0\levelstartat1\lvltentative\levelspace0\levelindent0{\leveltext
\leveltemplateid940113947\'02\'02.;}{\levelnumbers\'01;}\rtlch\fcs1 \af0 \ltrch\fcs0 \fi-180\li2160\lin2160 }{\listlevel\levelnfc0\levelnfcn0\leveljc0\leveljcn0\levelfollow0\levelstartat1\lvltentative\levelspace0\levelindent0{\leveltext
\leveltemplateid940113935\'02\'03.;}{\levelnumbers\'01;}\rtlch\fcs1 \af0 \ltrch\fcs0 \fi-360\li2880\lin2880 }{\listlevel\levelnfc4\levelnfcn4\leveljc0\leveljcn0\levelfollow0\levelstartat1\lvltentative\levelspace0\levelindent0{\leveltext
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282007990}{\list\listtemplateid736922128\listhybrid{\listlevel\levelnfc0\levelnfcn0\leveljc0\leveljcn0\levelfollow0
\levelstartat1\levelspace0\levelindent0{\leveltext\leveltemplateid940113935\'02\'00.;}{\levelnumbers\'01;}\rtlch\fcs1 \af0 \ltrch\fcs0 \fbias0 \fi-360\li720\lin720 }{\listlevel\levelnfc4\levelnfcn4\leveljc0\leveljcn0\levelfollow0\levelstartat1
\lvltentative\levelspace0\levelindent0{\leveltext\leveltemplateid940113945\'02\'01.;}{\levelnumbers\'01;}\rtlch\fcs1 \af0 \ltrch\fcs0 \fi-360\li1440\lin1440 }{\listlevel\levelnfc2\levelnfcn2\leveljc2\leveljcn2\levelfollow0\levelstartat1\lvltentative
\levelspace0\levelindent0{\leveltext\leveltemplateid940113947\'02\'02.;}{\levelnumbers\'01;}\rtlch\fcs1 \af0 \ltrch\fcs0 \fi-180\li2160\lin2160 }{\listlevel\levelnfc0\levelnfcn0\leveljc0\leveljcn0\levelfollow0\levelstartat1\lvltentative\levelspace0
\levelindent0{\leveltext\leveltemplateid940113935\'02\'03.;}{\levelnumbers\'01;}\rtlch\fcs1 \af0 \ltrch\fcs0 \fi-360\li2880\lin2880 }{\listlevel\levelnfc4\levelnfcn4\leveljc0\leveljcn0\levelfollow0\levelstartat1\lvltentative\levelspace0\levelindent0
{\leveltext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672799206}{\list\listtemplateid-628463458\listhybrid{\listlevel\levelnfc0\levelnfcn0\leveljc0\leveljcn0\levelfollow0
\levelstartat1\levelspace0\levelindent0{\leveltext\leveltemplateid940113935\'02\'00.;}{\levelnumbers\'01;}\rtlch\fcs1 \af0 \ltrch\fcs0 \fbias0 \fi-360\li720\lin720 }{\listlevel\levelnfc4\levelnfcn4\leveljc0\leveljcn0\levelfollow0\levelstartat1
\lvltentative\levelspace0\levelindent0{\leveltext\leveltemplateid940113945\'02\'01.;}{\levelnumbers\'01;}\rtlch\fcs1 \af0 \ltrch\fcs0 \fi-360\li1440\lin1440 }{\listlevel\levelnfc2\levelnfcn2\leveljc2\leveljcn2\levelfollow0\levelstartat1\lvltentative
\levelspace0\levelindent0{\leveltext\leveltemplateid940113947\'02\'02.;}{\levelnumbers\'01;}\rtlch\fcs1 \af0 \ltrch\fcs0 \fi-180\li2160\lin2160 }{\listlevel\levelnfc0\levelnfcn0\leveljc0\leveljcn0\levelfollow0\levelstartat1\lvltentative\levelspace0
\levelindent0{\leveltext\leveltemplateid940113935\'02\'03.;}{\levelnumbers\'01;}\rtlch\fcs1 \af0 \ltrch\fcs0 \fi-360\li2880\lin2880 }{\listlevel\levelnfc4\levelnfcn4\leveljc0\leveljcn0\levelfollow0\levelstartat1\lvltentative\levelspace0\levelindent0
{\leveltext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806898287}{\list\listtemplateid-1604312612\listhybrid{\listlevel\levelnfc0\levelnfcn0\leveljc0\leveljcn0\levelfollow0
\levelstartat1\levelspace0\levelindent0{\leveltext\leveltemplateid940113935\'02\'00.;}{\levelnumbers\'01;}\rtlch\fcs1 \af0 \ltrch\fcs0 \fbias0 \fi-360\li720\lin720 }{\listlevel\levelnfc4\levelnfcn4\leveljc0\leveljcn0\levelfollow0\levelstartat1
\lvltentative\levelspace0\levelindent0{\leveltext\leveltemplateid940113945\'02\'01.;}{\levelnumbers\'01;}\rtlch\fcs1 \af0 \ltrch\fcs0 \fi-360\li1440\lin1440 }{\listlevel\levelnfc2\levelnfcn2\leveljc2\leveljcn2\levelfollow0\levelstartat1\lvltentative
\levelspace0\levelindent0{\leveltext\leveltemplateid940113947\'02\'02.;}{\levelnumbers\'01;}\rtlch\fcs1 \af0 \ltrch\fcs0 \fi-180\li2160\lin2160 }{\listlevel\levelnfc0\levelnfcn0\leveljc0\leveljcn0\levelfollow0\levelstartat1\lvltentative\levelspace0
\levelindent0{\leveltext\leveltemplateid940113935\'02\'03.;}{\levelnumbers\'01;}\rtlch\fcs1 \af0 \ltrch\fcs0 \fi-360\li2880\lin2880 }{\listlevel\levelnfc4\levelnfcn4\leveljc0\leveljcn0\levelfollow0\levelstartat1\lvltentative\levelspace0\levelindent0
{\leveltext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1562641595}}{\*\listoverridetable{\listoverride\listid1562641595\listoverridecount0\ls1}{\listoverride\listid806898287
\listoverridecount0\ls2}{\listoverride\listid672799206\listoverridecount0\ls3}{\listoverride\listid282007990\listoverridecount0\ls4}}{\*\rsidtbl \rsid882176\rsid1132053\rsid1271518\rsid1706996\rsid1977915\rsid2040263\rsid2122494\rsid2232957\rsid2249998
\rsid2313325\rsid2518698\rsid2579162\rsid2637963\rsid2719090\rsid2912254\rsid2962833\rsid3026969\rsid3223786\rsid3431107\rsid3697018\rsid4399489\rsid4600938\rsid4725079\rsid4801409\rsid4919880\rsid5190173\rsid5909965\rsid6240755\rsid6584162\rsid6753372
\rsid6826282\rsid6844703\rsid7106609\rsid7291304\rsid7344685\rsid7353535\rsid7431345\rsid7549441\rsid7940822\rsid8007777\rsid8661280\rsid8791424\rsid8794094\rsid8982588\rsid9120290\rsid9271418\rsid9271628\rsid9711495\rsid10116362\rsid10227345\rsid10296656
\rsid10616965\rsid10893327\rsid11226749\rsid12658339\rsid12849189\rsid13321266\rsid13509252\rsid13772225\rsid13839300\rsid13905689\rsid13979491\rsid14234220\rsid14288963\rsid14315762\rsid14646856\rsid14901515\rsid15143971\rsid15292429\rsid15342882
\rsid15533738\rsid15548341\rsid15756138\rsid15860528\rsid16007901}{\mmathPr\mmathFont34\mbrkBin0\mbrkBinSub0\msmallFrac0\mdispDef1\mlMargin0\mrMargin0\mdefJc1\mwrapIndent1440\mintLim0\mnaryLim1}{\info{\author PC}{\operator BPS1810}
{\creatim\yr2024\mo7\dy15\hr14\min22}{\revtim\yr2024\mo7\dy15\hr14\min22}{\printim\yr2024\mo3\dy20\hr9\min21}{\version2}{\edmins1}{\nofpages1}{\nofwords190}{\nofchars1086}{\nofcharsws1274}{\vern81}}{\*\xmlnstbl {\xmlns1 http://schemas.microsoft.com/office
/word/2003/wordml}}\paperw11906\paperh16838\margl1418\margr1134\margt1134\margb1418\gutter0\ltrsect 
\widowctrl\ftnbj\aenddoc\trackmoves0\trackformatting1\donotembedsysfont1\relyonvml1\donotembedlingdata0\grfdocevents0\validatexml1\showplaceholdtext0\ignoremixedcontent0\saveinvalidxml0\showxmlerrors1\noxlattoyen
\expshrtn\noultrlspc\dntblnsbdb\nospaceforul\formshade\horzdoc\dgmargin\dghspace180\dgvspace180\dghorigin1418\dgvorigin1134\dghshow1\dgvshow1
\jexpand\viewkind1\viewscale100\pgbrdrhead\pgbrdrfoot\splytwnine\ftnlytwnine\htmautsp\nolnhtadjtbl\useltbaln\alntblind\lytcalctblwd\lyttblrtgr\lnbrkrule\nobrkwrptbl\snaptogridincell\allowfieldendsel\wrppunct
\asianbrkrule\rsidroot15342882\newtblstyruls\nogrowautofit\usenormstyforlist\noindnmbrts\felnbrelev\nocxsptable\indrlsweleven\noafcnsttbl\afelev\utinl\hwelev\spltpgpar\notcvasp\notbrkcnstfrctbl\notvatxbx\krnprsnet\cachedcolbal \nouicompat \fet0
{\*\wgrffmtfilter 2450}\nofeaturethrottle1\ilfomacatclnup0{\*\ftnsep \ltrpar \pard\plain \ltrpar\ql \li0\ri0\widctlpar\wrapdefault\aspalpha\aspnum\faauto\adjustright\rin0\lin0\itap0\pararsid15143971 \rtlch\fcs1 \af31507\afs22\alang1025 \ltrch\fcs0 
\f31506\fs22\lang1033\langfe1033\kerning2\cgrid\langnp1033\langfenp1033 {\rtlch\fcs1 \af31507 \ltrch\fcs0 \insrsid15548341 \chftnsep 
\par }}{\*\ftnsepc \ltrpar \pard\plain \ltrpar\ql \li0\ri0\widctlpar\wrapdefault\aspalpha\aspnum\faauto\adjustright\rin0\lin0\itap0\pararsid15143971 \rtlch\fcs1 \af31507\afs22\alang1025 \ltrch\fcs0 
\f31506\fs22\lang1033\langfe1033\kerning2\cgrid\langnp1033\langfenp1033 {\rtlch\fcs1 \af31507 \ltrch\fcs0 \insrsid15548341 \chftnsepc 
\par }}{\*\aftnsep \ltrpar \pard\plain \ltrpar\ql \li0\ri0\widctlpar\wrapdefault\aspalpha\aspnum\faauto\adjustright\rin0\lin0\itap0\pararsid15143971 \rtlch\fcs1 \af31507\afs22\alang1025 \ltrch\fcs0 
\f31506\fs22\lang1033\langfe1033\kerning2\cgrid\langnp1033\langfenp1033 {\rtlch\fcs1 \af31507 \ltrch\fcs0 \insrsid15548341 \chftnsep 
\par }}{\*\aftnsepc \ltrpar \pard\plain \ltrpar\ql \li0\ri0\widctlpar\wrapdefault\aspalpha\aspnum\faauto\adjustright\rin0\lin0\itap0\pararsid15143971 \rtlch\fcs1 \af31507\afs22\alang1025 \ltrch\fcs0 
\f31506\fs22\lang1033\langfe1033\kerning2\cgrid\langnp1033\langfenp1033 {\rtlch\fcs1 \af31507 \ltrch\fcs0 \insrsid15548341 \chftnsepc 
\par }}\ltrpar \sectd \ltrsect\psz9\linex0\headery709\footery709\colsx708\endnhere\sectlinegrid360\sectdefaultcl\sectrsid14315762\sftnbj {\footerr \ltrpar \pard\plain \ltrpar\s19\ql \li0\ri0\widctlpar
\tqc\tx4680\tqr\tx9360\wrapdefault\aspalpha\aspnum\faauto\adjustright\rin0\lin0\itap0 \rtlch\fcs1 \af31507\afs22\alang1025 \ltrch\fcs0 \f31506\fs22\lang1033\langfe1033\kerning2\cgrid\langnp1033\langfenp1033 {\rtlch\fcs1 \af31506\afs16 \ltrch\fcs0 
\fs16\cf22\chshdng0\chcfpat0\chcbpat8\insrsid2249998\charrsid2249998 Dokumen ini telah ditandatangani secara elektronik menggunakan sertifikat elektronik yang diterbitkan oleh Balai Sertifikasi Elektronik (BSrE), BSSN}{\rtlch\fcs1 \af31506\afs16 
\ltrch\fcs0 \fs16\insrsid2249998\charrsid2249998 
\par }}{\*\pnseclvl1\pnucrm\pnstart1\pnindent720\pnhang {\pntxta .}}{\*\pnseclvl2\pnucltr\pnstart1\pnindent720\pnhang {\pntxta .}}{\*\pnseclvl3\pndec\pnstart1\pnindent720\pnhang {\pntxta .}}{\*\pnseclvl4\pnlcltr\pnstart1\pnindent720\pnhang {\pntxta )}}
{\*\pnseclvl5\pndec\pnstart1\pnindent720\pnhang {\pntxtb (}{\pntxta )}}{\*\pnseclvl6\pnlcltr\pnstart1\pnindent720\pnhang {\pntxtb (}{\pntxta )}}{\*\pnseclvl7\pnlcrm\pnstart1\pnindent720\pnhang {\pntxtb (}{\pntxta )}}{\*\pnseclvl8
\pnlcltr\pnstart1\pnindent720\pnhang {\pntxtb (}{\pntxta )}}{\*\pnseclvl9\pnlcrm\pnstart1\pnindent720\pnhang {\pntxtb (}{\pntxta )}}\pard\plain \ltrpar\ql \li0\ri0\widctlpar\wrapdefault\aspalpha\aspnum\faauto\adjustright\rin0\lin0\itap0\pararsid3026969 
\rtlch\fcs1 \af31507\afs22\alang1025 \ltrch\fcs0 \f31506\fs22\lang1033\langfe1033\kerning2\cgrid\langnp1033\langfenp1033 {\rtlch\fcs1 \af31507 \ltrch\fcs0 \lang1024\langfe1024\noproof\insrsid15548341 
{\shp{\*\shpinst\shpleft4202\shptop-131\shpright5636\shpbottom980\shpfhdr0\shpbxcolumn\shpbxignore\shpbypara\shpbyignore\shpwr3\shpwrk0\shpfblwtxt0\shpz0\shplid1026{\sp{\sn shapeType}{\sv 75}}{\sp{\sn fFlipH}{\sv 0}}{\sp{\sn fFlipV}{\sv 0}}
{\sp{\sn fLockRotation}{\sv 0}}{\sp{\sn fLockAspectRatio}{\sv 1}}{\sp{\sn fLockPosition}{\sv 0}}{\sp{\sn fLockAgainstSelect}{\sv 0}}{\sp{\sn fLockCropping}{\sv 0}}{\sp{\sn fLockVerticies}{\sv 0}}{\sp{\sn fLockAgainstGrouping}{\sv 0}}{\sp{\sn pib}{\sv 
{\pict\picscalex100\picscaley100\piccropl0\piccropr0\piccropt0\piccropb0\picw2529\pich1963\picwgoal1434\pichgoal1113\pngblip\bliptag-1941036823{\*\blipuid 8c4e20e92143c72287796d0420714119}
89504e470d0a1a0a0000000d49484452000000db000000aa080600000024fd3a24000000017352474200aece1ce90000000467414d410000b18f0bfc61050000
000970485973000021d5000021d501049cb49d00001b8c49444154785eed9d0b94dc74bdc703a520b4404bbb3b498a451e8596d9a90fe07af1052a7015e5a857
aae8451e2d33db7b7c5c2a72c17be48eb2dd49a64bbb936c418ac77bbc205ca95e855a3bb355acd70788a70a622dec24d96d4b1f9bcc6e29f4057ded4db6bf6d
6726bf4c677727f92533f99cf339d09d4cf24df2cd3c33ff30814056becf7469432466941d9022f0e829eee1427ac650f0642f87550871952eed75db01e0b592
b601d2049682c8efc68bec6f0d815bb96511733aac46886bc8ca0fd1f25318608c142f6045f6a5e683c280c0cf87e8219e212b87d1e2531860d052fb4d81edd1
934d93217288b70c9d84969e42b9f75b102a90a0e5f68986c0fe1562869091c95f8b169fc215dbce805481c3583cfd3d58c9fde08078ce1c8819424a46598d16
9fc20063be3c7b012b3aa902f7a6b9514f828821e460a527513d088902892eb26fa1852714a285f806b4f814aa2b215120c1ca4ea92e4656e822d76688fcd70d
31b2c048453eb93dc55e31f8c0d4b72719e664881de219f3564ec08b4f6046bb0252050e2335fd62acf041514ff38775813b302070dbf574e49ea124730aac5a
48cd90b49fa2c5a730c018029fc64a5c2f9aebb7a920f2b2d1ce5e05ab1c326a641f9c35326240199ac74cc00ada08ea027f9bf92c18be24ad0aacf414cadaab
90c8d718e9e9b306acb344044ec5cad7c8ea02fb4a41606f864d15524287da8c169f44d57727c00ead6026f6a79aafd4c5190358b9fca8f9726f8ff9dfbdd6fb
2ff359e748f9ed5e6a88dc9dd6b33e6cce06a75389e3c52730b9ee6d908a8ca4f972a820f0771922ab60e50982b02a368e7444266d5fcc5e6eb473f18134ffb8
f92cf41a767f5714f9bd03e6cb4d88d2a048ea005a7c0a09589f60261a6dd33fa4a7b80368491ce5f7f68becd6ed29be7de73dccd9e601da8b4fe7bdb06aa346
6f6f7abf753a97756060f3ad9922fb6263feb2002b3d85b2aa4122d7196c9bfa7643e4b355bfc4320f24b3848b06c54814666103bd1f81bac8bd0591c6cd40f2
9cb37491bdd57c59ba035bd6b835e7bbbb6352332cae01c08a4f626f3b24aa39d62765e6c1f221c37c0f83ee74d03af8cc726d31c4c8d7e0ae55b121c99c8acd
8f467e21c472053d1579c4dc4e6fe0cb1ebb7ab2898545d429b2fa09bcf8044af9d32055cd301fe59715446e3fb6738f996233bad0f44eb8cb98b03e4041e74d
609f87a52d08cd9fd2d35ccd4e4f331fe8b69aaf81ebf41c4e59fb3b5a7c0a6b80f5fb2cf3e06ac376a4a5f9d2d1d045fe7bb5fe74cc7c39f4676c79144224cf
31b7fbbdd6a79f58a6d16a1e743f82d9d61119e5105a7c0ac781f9f2f041f3203a88ed38ebac8eed6dec7930a92b60cba5d07c96d90591c8d09734b1e6fed884
e51b8de6fe3cbcb36d8aabfbcd5bb0d25328abdf83445561bdd430df577d0edb49468adfe0f58035580e0a7581fd3944f20586c865b19ca37187c86761760166
e9cb31b4f814ca9bce87541531ee9f3e4b4fb1af96ef1073a72ed99ae2a7c1649eb2d557271f4fe32196af30d2dc0ff0bcd5693e53be09b30a2894c3d5955b01
b340670e08fca3251b5fe47615dab96fc324a498cf264f1767a31422f9960191fb1396bb5ab7895367c2ac0206567a12d5c390a884fe74f347cb3f623644f6e3
7e3be1b52072be19b20e22f99abee4d953fa5333c67c0ad9408abb0e661520d0e21328ab7f8444d6f761a71822ffd8c8861dfed5b3c0de0537fb92e222902a44
7e0b91024141e0ee47d7a30a0744f646984d10f0d1485a927683f568a70b5cd1797adc52f3c03b15c2fa96eded939b8a4b40a975ca19c40a0cdb92dc19d8ba54
a3de1e94034e5297a1c5f7d8f94b971c3b935e17b96736046c1c43eb4c93e202506a9de309b1028791e29ec3d6e944ee1022ef8059f81859db8295df2b7f93ba
72f3c80633d2d3df03a90287358c40f1cea714220596428afb176cbd2a699d5e37e4fb0719e40070db8999570efc217de5166b23fd77fab383c37f97f23b2151
2029dff9545ae77342a44063b4731fc4d6af92e6db8f4370771fd2f1e2a4f203c155a5fc91edc2cc7dd6867977e6e9ad25b765d49b20552029dff1640afcdd10
29f0f4b74f8aa0eb58c976ae0feeee33329b3e5a5278979c2ead1f7c559cb9ebafe9d8e633a53fbf814dc3746d24f922ba160c8891dbd11d4f2044aa1bacf762
d87a5676da2570771fd1a5bd6a2f7d0d95f3477471c6c1e7975cfe1c7a7bb1014617f9717d415b4b21525dd1df3e652eb6ae9584bbfa08acf435f06df2867d5a
fa8281f90f2c31b0db6dca6a011205126c6753a8a7fcfc9e657c1829f63e6c9d9d3484e6ff80bbfa04acf8e37082d473c87c4f563837f35b1dbbddd18cf20424
0a1ce643e849d8cea6d048b32988559714444ec3d6db49b89b0f90f2ff88167f8cfea4e3fa6db333d9d11d64232ed7037b6db057c573cec5763485dbdaa7cd86
58758bf5731b6cdd310d81bb03ee468ca4ac458b3f4aefebb8eba5499997f662b7556d8031d2fc5a6c47530891ea1a3dc94cc6d6dd49b81b31b2fa165afc2abd
f0bfbebf71ca77d71dfd8e6cbc06186c079318f89f9e544f4164ff826e03447f9cea8795be4a27c87f1fdf3359b19dea53902890603b98423dcd6f84480d01b6
0d30fb456e3ddc85888c16418b4f61a77225a40a1cc6e2e91cb68369f4e3774bee619d3f8b6f8752add3b8e02e44c8bd8bd1e2531860fa0556c276308510a9a1
c0b603665f92211c5d1b2b3d859242fca8333eac11bab09d4b21446a280a22bf1edb163685c8d5701702b0e25328ab3e3d8fad3ad01d4ba1c0fd152235149b93
d378747b946988ec2fe12e0460c5a750566e814481c357231f0bcd5f84580d47b53f6d82c93d46d2be8e169fc200633e9b7c0adba9141e69c80b531cc510d817
b06d522e4cee3172fe6f68f1290c30b51af1b71642a486a4daabbcc2e41e83959e4259d907890209b64369e4f742a48605df2ea5c2a41e925c770a5a7c1a1f86
548104dba114ea02fb6b88d4b060dba55c98d443a4fc8548e9699436bd0f52050e23c55e8fed500a07169f330362352cd60515b16d532c4cea215daa7fae54b3
4c09eee03e02f7736c8752185ea3dafabe935b8e6d9b6261520fc14a4fa5acfe0552050e6c679229f03b2056c3620891f9e8b6291226f510acf494caca664816
28b09d49aac0e5215a4362a4d9abd0ed52244cea114b7b66a0850fb5fba03617b61a0ab63343edbeda3ea5e276ac15fd42730c5b7eb130a9473cb06d3a5aac50
dc0a603b3314173699abe86d4d1762cb3ea6c82a30a98760a50ac5ad809ef2cf17da7e173699ab0c8a9128b6ec110744ee2b30a9c774693f63246d3723ab7b98
ae32adb3f047ca86dd5e6bad65c8dab87e31ee9a27a0bf9d5b5910f83d7e51176b77f1f85a0a9bcb550a42e423d8b247d453675d0493fa04497de158d1e49e6b
e0afded09e6f2a293abd06240b14fdedcda31f41d845ad6baf413457311ff8e2d8f24784c97cc08aa189c74a663db389dad9708bb77429bf2c2a3bad52ef6390
2a70e829fe71ac70141a029b8658ae62a4b90e6cf996d675fd603262e4de7796948c7248b92ef5f6922c943eb46b2aa40a1c8362d3fbb0d251685d631c62b94a
c51f910a9c0f2ee4dfa5a58f954b520e0d5f1491928cf2db6379a80d30bac83f85968e4088e43ad8b2473443105f0a3aa3bce8bb7249cafe924c940618ac7014
1a29d6b3a1f5b0e58f089350603e7b49f9e3a5b60aee178acb4e6946590d89020956380afb05fecf10c975b0e55b1a02f7bf3089c794ffbc2693f7cf603b990d
334bb251dad9f32e48e5c8c2eed8b3adddb1c1d66ccb2eaf4ce4623b12ddb1ef4004945dc2d953b1d291287097412c57d921446e40976fba2579d63930998764
5e2a1f27d25fa3e74adab7cbf2d1c9241d5fe3c7bb638b1676cf1d223537d7f12224e623f98358e9288448ae534873fbb1e51b6996e0555b67cf7bed85f2195d
ca615b462a1d98b79239152d3f8110c94641e4b663c5a31022b98e35082bb67c43643f0e937884d47b5d6999cc525778e426a32423a119e5654864a3351bdd83
159f428864032b1d891e9d8b68dc3f7d16ba7c5398c42324e5abb632ad58efcfabe997e7a452d21c2f3184959ec435d10310a9841d1dcc24ac74141a4bd87910
cb55fa45ee17d8f2f514f74d98c403b0e1ea96f55c00b7fa0b595b64cb4aa50337774726a1c527b03537fb5a885582f5b2092b1e852fdf3ded4c88e52ad8b2bd
1ddb1ffbb0a1b3ef849fb09121a91b6c79a97420916bb91d2b3e85c975cc2910ab04f3d17c1f563e0a2192ab6c13a7cec4963d90620598c4653ab10158d56570
ab3fb1e525d3f113dad65cb4072b3e8510c906563c0a0d811d8448ae623e83bd812d1f6e769965f985b60249ea1eb8d59f5ce5a3a1f5e4debb21950dacf414b6
e65ab643241b58f1281c48455c1fa270cb22e67474d902fb5998c445bab44fdacae3a7b3439c58ae446db9a9ecf8fb7990ca06567c0a13ddb10e8854c2a0d8f4
4f58f928349f5a5c3fc75617b85f972fd77ca63b0437bb4867ef2568799243fefb88bf9c8cf23c9a9d4207be929bf54eacf814de983b173d23a2e0f0a91c8510
c955b0e5ba7f903ff00a3eae4850aee68965a7d0fac5b803ad6b632f63c5a71022d9d0c5eaaee4e28510c9358c34fb87f265ea69f671b8d92592c993d1e27469
bf8729fc0f9edf7b3bd5e720918d85d9960358f129844836cacb47a521f2aefee87628c99c8c2d176e7691e2f1428a0d0a9d7def40f353f880f2764865032b3d
89d9965510a9043dd934192b2085d60f5721962b9807f3dfca97a9898ccb230b64941d6869966e2138cb798cc83d8fa2eb40a1037764e744d1e213b8e0e9f323
10ab04bd3db2a2bc805442245718ba8a39a57c79d6101070b34b74a98fa08591b5a7608a60202bafa1eb41a103adb9e852acf8143243f80700e505a4d2ed4f03
0b22bfbb7c9970934b2cdbf81eb42c9641035b070ae50aefd790d253d89a8d399e82545e403205be00916a8ed11ef95cf9f256ba7a4191794313d0b258662a0f
97ed3b921b26a3eb41e1b2fc0d90ca06567c0a5bbb637f804825bc7857c437271f0fa4b8eb2056cd295fd6b6f6e91f849b5c022b8aa59cef872982839f46d24a
38ff12022b3e85f1b531f402f5bac87ea3bc885442a49a63a4f8cd25cb4a714fc24d2e21abcbd1a2585ac31d040d593d88ae0b850e2cec6eb90f2b3e8510c946
41647b4a8a482844aa297a8afd58f1320c81df0437b9c4a2674f474b62699d811144b075a150520720918d782eba152b3e8510c94671114975e11a71e517a6f7
e6742cac242306f159cd025b170a25f53f21918d85d9b947b0e27b6d2217752c597119491523ff0e916a467faaf4acfe0d49e654b8c9256455464b6259e15334
5f23f57e0e5d1f0a1d48ac672662c5a7b035178b43ac128ce4f48b8bcb48a9f6cd66f43bc0b1d22f702b8be7fff2dd8c073f46c50a326250e9d27e6d5b172a1d
68cd46afc68a4fe1977e3a7b1ac42aa15f6477161792528854130a42e4eae279efe888b4c04d2e92d10ea005b1945515a60a1ed8fad0781012d98877b73c8f15
9f428864a3b89094d6f2bdd4fa0433b178de8342e41370938b48cafb90721c57ca37c194c1035b1f0a654d864436b0d253683ec3be06916c1497925223c5e720
d2b8299e6f7f3b7b33fcd965b0728c28fb6c80d5d1b0dc475f665b57f071002b3e89d9961f43a4120a8ba75d5e5c4c4aad4f0d21d6b82819f352e46afe810b4e
97fa19b41c232eeffd1a4c193cba94d5e83a51e8c0edab675d80169fc0db7251f4d708bac87fafb8f09442a471a1b7731b46e6a72fe1be0a7ff680138d0e1c64
b0f5a1d1f1fd5a6bb6a51b2b3e8510c9869ee60f16179e52883466f474a4f3f8fcd8bbe0cf1e20f77d1a29c67165e79204026c9d289415c753dce2d9d86eacf8
1442241bc565a7d448f36b21d29830daf99b46e6d52f709f813f7b04568c62333db7c294c163c5367c08070a3bf297422a1b58e929340f7ac75fdc17179ed281
25633f40fa85e66b8ecd2715792ffcd92392f9b3d06214ebc771faab25936f43d7894207e6afbd84c78a4fe1fc5f5c7239c42a4117b9ef14179e5288346af425
67b023f3d8da36d5f157f2ee21ab05b418235ac3200419597b0b5d2f0a1df0c525a1c0c40a06fd35829162033df2f10e31121db97f5e624e833f7b0c568a622b
9c341b08b07522b1d2956a62be381fd21222d9d01d2e91442144aa9acd0273ec628df0270224edcb78318a947bd173e40281ac557ed6f6526b5b3b80959ec2c4
9a16f4924b43e6b35d71d929d505f616885515fa92a6770ddf57e075f813115829ca0d2a4bfa58747da8b47eb2e400567c0ae36ba2df8048250ca6229f2f2f3d
954349fc021f183bdb9be70edf4fe0d7c39f08c14a516e50917d7455514b075abbe72cc08a4f2144b2a1a7b9e7cb4b4f25443a218369ee0bd6f47aaac9079fa4
cb3dad6829ca0d225dea1e745d2875c07cbff602567c0a21928df2c253a98bdceb10a92205916bb3de63d25c481e435236a1a52837685897ccc5d68352497d04
d2d968f5c98f45e3dd730f43241b58f1293404eebb10c9115d64571902bf17fee913b052600685e4d0298cacfae763fe629921a78b2f9c8c159fc23bd644ef87
4c25f47f7352042b3e85bbda9a2e84582886c8f7f5a7d8d5f04f9f90dc702a5a0acc20605d931acbee171db86ded9c5958f1298c3f13458b5c10b8f558f12984
4828e6b3de9b6e0f433e36a4fcbbd15260fa998e4de7a3997da5e2f8f22c916bc961c5a71022d930446e3f567c0a215209d63507748173fcfd1d3d72efb7f062
20fa912ef51ef3bdd92134afdf94f28eefd7b0d253681ef4fb20920dacf414ea42e48710e918858ec80dbac8b5c13f7d8aa46e448b81e90796eb931959bb9991
027280155b01acf81426d6c41cbf87d28519e4678e589f2c429c631869ee07afa7ce44c749f11758299ca406cb1414ef7a7112ac858d85dd173463c5a7f096a7
e74421960df399e301ec00f0d29de2d492cb331902ff28fc6f00c08ae12435b2f6ab312ba939cf95b59f9a5e03e91d49e4620f63c5a710223952484ee3fb53ec
93469acf79657f9a5f633e7b958cad6f2c9eceed4d4fe3e19f01013ba89c0c718578b645c78a4f21440a7105eca07232b9fe0cb857480dc14a4f613c1bfd1b44
aa4fa4fc594c7288f0f798d841e5e432e52770af901a316f5dd364acf814c673977c1662d51f92b20cfe8f10eca07252527c76ea4bf049645b9ec18a4fe12757
71f5f7ca25f3ca5c4656ff19fe450c76505532a4662cc85d7a11567a2a2156fd20f56c61e6ad74f1eaa0a32593df891e544e667aae877b868c838559ff5c7bcd
329e8bee8468c147d6ee6564e5f3f02f1f91d124f4a0723293df0ff70c0489dcc5b313b9d89b7e1a6ec08f26ba5b16c3260b2e0fa9cde641f65a8593bd897950
bb023da82a1910e2b9d83aac58a1766193059315eb273292b2c33cd03e0d7ff129a339ebffb88ee309fa85c4da4be761a50ab51bcfc64ef8c5bb6f91348591d4
adf0af00801f5095f53989eed89b58b1428b8d6d5f903bd727bf601e25b2f290f996e60823e5cf85bf04842e75f4bf6896b5ff817bfb12bc5c345aef17e3cf5c
54f1c78e215592c9ffdb70ff3af3f3e12f01431ee36fc17cca82352d73b1d25309b142c68335fc9f3548b0a48c6b6c7f7f801d4c2752d276c1bd7d85f912b20b
2b3d85b7ae3b6f0ac40a190b19f5fae1aec9ea9e400f7d5f82a4fdcc763055a3a4de0973f00dbef9983f3b37d8c3b55392c9df3bfc4c363c0ca18a5e7320b8ac
1c1acba79247b54ef0f41168f109ac741598100724f59ea3bd520ffbf38be95a21ab5b6d0752355a8f3e3efa22112b3e85896c6c1e440a391192faf4f13e69f7
c25feb9ce28368b4fa803bb251012b3e851029c409513bdb7ca978f41a0cd64bc665ea63704b8390d19eb01d44d55ae16a9a5eb13017dd8a159f428814524e66
f307cc67b2ddc77a93d11e865b1a90135d53bb92927600e64202567a0aad2fd52152c8514e3afe7e0ccc284fc06d0dccd20de7946c94d12aab6fc09c3ce5c627
cf3d1d2b3e85f16cf44b10abb1b13e3c93b57c593f92706bc83092da55b281c662fae533616e9e10ef8e5e87159fc22fae9e391562351ec9e4c94c463d7aa6c7
88c35f48f7a297a10ab1b0be482cde606351d6fe01e6e63a89ee960d58f12984488d4567df1cf37dfb765b073a7bde0553845444d28ebf911dab99fc33303757
c14a4f61221b0bf6e59047837522b0ac656dfb5ccee7fdf6fd6b00183ac9b621c7a4729859b6918399ba02567c0ae3b9d89310a97ec928ab875f1adaf6b3fa23
26b11ebdf07d48b5c8f97df60d3b0665f53966a8f65f80dfbaeae2d958f1295cf0abf32310ab7e38fa418788eed32e659ff91eed333065484d4037f41895d59a
fe0cbfb53bfa4bacf81442a4fae0e8e8cef8751524e58fcc8a6de158a2ae21e7ff846ef831db9b80398f8b442eb61b2b3e8510299848ea658cacfc06df57a692
b293e9f4cbd0708d80ac7e01dd1163f5e86bff719d4580959ec278772c78bfb79295b869e5b709b2d6e9af61e11a890eb519dd29e355567f33da4fb1e2d9991c
567c0aef583dfb3288e55fa4fc75c3db19dbfec5cabdab98a55b82396c425d22a9ff87eea8f13afc6ca756f51233918bde89159f426688f1df306aa98dd3988c
ba15fff4b05cf50d66d1b3a7c33d437c47e70b53cc1db917df79355052f6339d79c71fa926b2d18358f13dd70f3f1695f2a7315df9854c97f23cba2d3125f559
f37eef8639840482e54ab4ba47cf71ba5cb3ca711a2cd537efd75a73d11e88e40dd67b28f995f3cdf75ba3fbd0cada47b2bad19c834f07330da91e293fdf9383
ce52520f60c5a73091bdf4cbb0056a8f75a686a47cdd7c99d73d3c841bb62d2a69dd27a3b431c9beb7c11c43ea0af995f79b0571f5dad7b1c73aeae37c48ebe4
5deb3b2b6b086d49114ef8e9e089b41eecac518297f55c004b086908aca1f26475135a8a717ad3ea6b06b0e253086b8bb3bc8f65a45eeb53c0bbcd83e071f3bf
eb4d5fc7d669cc4a5a8159aeb6321dced7ef0e69243ad53bc7fda85d24567a0a5bbb5b5c7d064795d401f3bfdf862d1b12e2c0caa109e6fb8f85b6028d46a9e7
10567c0aaf78e25bae3c739798c9ffde7c56fc58f8e572c8f8c8681f305f66f50cbfd7c08a8678d643bfdb8f159fc2490fffce7a9641738e5ef520236b1a23f7
de075b2724c425ac67bdcebeab877fc68196f1a837adfaf04b58f129c4f255e5f0838bbad27cb0b99691f24db005424288b106edcc68e64b29759b5552acf414
26d6ccdd8f1e48235ac3b45bdf6bc9f91f98fffd08ac4d484870c08a4fe14d3fbf7633d3a93e6a1e48b7990f06570c7f27961caa9371e9431a9e5b579fc762c5
a7f0965fcd9a01b14242ea8fd66c7405567c0a215248487dd29a6d2960c5a710228584d42758e9294ce45afe04914242ea8fc42aee0cacf814267e31e7d3102b
24a4fef8d76c6c1e567c0a2f5bc184c3b685d42fadb9d85b58f12984482121f509567a0a13b9b93b215248487d82159fc2d6eea800914242ea8fd6ec9c4f61c5
a710228584d427d6b88c58f12984482121f509567a0a5bb331fa91b44242dc042b3e85d6e962102924a4feb871a98f2ee3bb267a05c40a09a93fe2d9961f63c5
a710228584d42758e9291c1edc2724a49ec18a4f6122d76240a49090fae3ab6b2e3a0d2b3e85f3bb67b740ac9090fa63c1d32d11acf81442a49090fa052bbed7ce7fea9233214e4848fd326f2533219e6bd9811d046e9be88e3d0a314242c600c3fc3f5bf353e37c92f5fe0000000049454e44ae426082}
}}{\sp{\sn pictureGray}{\sv 0}}{\sp{\sn pictureBiLevel}{\sv 0}}{\sp{\sn fFilled}{\sv 0}}{\sp{\sn fLine}{\sv 0}}{\sp{\sn wzName}{\sv Picture 1}}{\sp{\sn dhgt}{\sv 251658240}}
{\sp{\sn fLayoutInCell}{\sv 1}}{\sp{\sn fAllowOverlap}{\sv 1}}{\sp{\sn fBehindDocument}{\sv 0}}{\sp{\sn fHidden}{\sv 0}}{\sp{\sn fLayoutInCell}{\sv 1}}}{\shprslt\par\pard
\ql \li0\ri0\widctlpar\pvpara\posx4201\posnegy-132\dxfrtext180\dfrmtxtx180\dfrmtxty0\wraparound\aspalpha\aspnum\faauto\adjustright\rin0\lin0\itap0 {\pict\picscalex100\picscaley100\piccropl0\piccropr0\piccropt0\piccropb0
\picw2529\pich1963\picwgoal1434\pichgoal1113\wmetafile8\bliptag-1941036823\blipupi219{\*\blipuid 8c4e20e92143c72287796d0420714119}
010009000003d754000000002d4b000000000400000003010800050000000b0200000000050000000c024b006100030000001e00040000000701040004000000
070104000800000026060f000600544e5050060171090000410b8600ee00aa00db00000000004a0060000000000028000000db000000aa000000010001000000
0000000000000000000000000000000000000000000000000000ffffff0000000000000fffffffc000000000000000000000000000000000000000000000001f
fffffff800000000000000000000000000000000000000000000001ffffffff800000000000000000000000000000000000000000000001ffffffff800000000
000000000000000000000000000000000000001ffffffffc00000000000000000000000000000000000000000000001ffffffffc000000000000000000000000
00000000000000000000001ffffffffc00000000000000000000000000000000000000000000000ffffffffe0000000000000000000000000000000000000000
0000000ffffffffc00000000000000000000000000000000000000000000000ffffffffe000000000000000000000000000000000000000000000007fffffffe
00000000000000000000000000000000000000000000000ffffffffe000000000000000000000000000000000000000000000007ffffffff0000000000000000
00000000000000000000000000000007ffffffff000000000000000000000000000000000000000000000007ffffffff00000000000000000000000000000000
0000000000000003ffffffff000000000000000000000000000000000000000000000003ffffffff000000000000000000000000000000000000000000000003
ffffffff800000000000000000000000000000000000000000000003ffffffff800000000000000000000000000000000000000000000003ffffffff80000000
0000000000000000000000000000000000000001ffffffff800000000000000000000000000000000000000000000001ffffffffe80000000000000000000000
000000000000000000000017fffffffffff0000000000000000000000000000000000000000003ffffffffffffffa00000000000000000000000000000000000
00001ffffffffffffffffd00000000000000000000000000000000000000fffffffffffffffffff8000000000000000000000000000000000007ffffffffffff
ffffffff00000000000000000000000000000000003fffffffffffffe00bfffff800000000000000000000000000000000ffffffffffffffe00007ffff000000
00000000000000000000000003ffffffffffffffe000000fffe800000000000000000000000000000ffffffc7ffffffff00000007ffc00000000000000000000
000000003fffffe07ffffffff000000003ffe0000000000000000000000000007ffffe007ffffffff0000000003ff800000000000000000000000001fffff800
3ffffffff80000000003ff80000000000000000000000003ffffc0003ffffffff000000000003fc000000000000000000000000fffff80003ffffffff8000000
000007f800000000000000000000001ffffc00001ffffffff80000000000007f00000000000000000000003ffff800001ffffffff80000000000000fe0000000
000000000000007fffe000001ffffffffc00000000000001f000000000000000000000ffffc000001ffffffffc000000000000007e00000000000000000001ff
ff0000001ffffffffc000000000000000f80000000000000000003fffe0000000ffffffffc0000000000000003e0000000000000000003fffc0000000fffffff
fc00000000000000007c000000000000000007fff80000000ffffffffe00000000000000000f000000000000000007fff00000000ffffffffe00000000000000
0003c0000000000000000fffe00000000ffffffffe000000000000000000e0000000000000001fffc000000007fffffffe000000000000000000180000000000
00001fff8000000007ffffffff0000000000000000000e000000000000001fff0000000007ffffffff00000000000000000001800000000000003fff00000000
07ffffffff80000000000000000000e00000000000003ffe0000000003ffffffff80000000000000000000100000000000007ffe0000000003ffffffffe00000
000000000000000e0000000000007ffc0000000003ffffffffffffffffff0000000000010000000000007ffc0000000003ffffffffffffffffff800000000000
c000000000007ff80000000001ffffffffffffffffffc00000000000200000000000fff800000000007fffffffffffffffffe00000000000080000000000fff0
00000000000000000001ffffffffe00000000000040000000000fff000000000000000000000ffffffffe00000000000018000000000fff00000000000000000
00007fffffffe00000000000000000000000fff0000000000000000000007fffffffe00000000000002000000000ffe0000000000000000000007ffffffff000
00000000000000000000ffe0000000000000000000007ffffffff00000000000000000000000ffe0000000155555555555007ffffffff0055555554000000000
0000ffe00000001fffffffffffc03ffffffff00ffffffff0800000000000ffe000000007ffffffffffe03ffffffff81ffffffff8400000000000ffe000000000
ffffffffffe03ffffffff81ffffffffc2000000000007fe0000000001ffffffffff01ffffffff81ffffffffc0000000000007fe0000000000ffffffffff03fff
fffff81ffffffffc0600000000007fe00000000003fffffffff01ffffffffc0ffffffffc0100000000007fe00000000001fffffffff81ffffffffc0ffffffffe
0180000000003fe00000000000fffffffff81ffffffffc0ffffffffe0040000000003fe000000000007ffffffff80ffffffffc0ffffffffe0020000000003fe0
00000000003ffffffff80ffffffffc07fffffffe0018000000003fe000000000003ffffffff80ffffffffe07fffffffe000c000000001ff000000000001fffff
fffc0ffffffffe07ffffffff0006000000001ff000000000001ffffffffc0ffffffffe07ffffffff0003000000000ff000000000001ffffffffc07fffffffe07
ffffffff0001800000000ff800000000000ffffffffe07ffffffff03ffffffff8000e000000007f800000000000ffffffffe07ffffffff03ffffffff00006000
000007f800000000000ffffffffe03ffffffff03ffffffff80003800000007fc000000000007fffffffe03ffffffff01ffffffff80001c00000003fc00000000
000ffffffffe03ffffffff83ffffffff80001e00000001fc000000000007ffffffff03ffffffff01ffffffffc0000f00000001fe000000000007ffffffff03ff
ffffff81ffffffffc0000780000000fe000000000007ffffffff01ffffffff81ffffffffc0000380000000ff000000000003ffffffff01ffffffff80ffffffff
c00003c00000007f000000000003ffffffff01ffffffffc0ffffffffc00001e00000003f800000000003ffffffff81ffffffffc0ffffffffe00000f00000001f
800000000003ffffffff81ffffffffc0ffffffffe00000780000001fc00000000003ffffffff80ffffffffe0ffffffffe000007c0000000fc00000000001ffff
ffff80ffffffffc07fffffffe000003c00000007e00000000001ffffffffc0ffffffffe07ffffffff000003e00000007f00000000001ffffffffc07fffffffe0
7ffffffff000001f00000003f80000000000ffffffffc0ffffffffe07ffffffff000000f80000001f80000000000ffffffffc07ffffffff03ffffffff0000007
80000000fc0000000000ffffffffe07ffffffff03ffffffff8000007c00000007c0000000000ffffffffe07ffffffff03ffffffff8000007c00000003e000000
0000ffffffffe03ffffffff83ffffffff8000003e00000001f00000000007fffffffe03ffffffff01ffffffff8000001f00000000f80000000007fffffffe03f
fffffff81ffffffff8000001f800000007c0000000007ffffffff01ffffffff81ffffffffc000001f800000003e0000000007ffffffff03ffffffff81fffffff
fc000000fc00000001e0000000007ffffffff01ffffffff80ffffffffc000000fc00000000f0000000003ffffffff81ffffffffc0ffffffffe000000fe000000
0078000000003ffffffff81ffffffffc0ffffffffc0000007e000000003c000000003ffffffff80ffffffffc0ffffffffe0000007e000000001e000000001fff
fffff807fffffffc07fffffffe0000007f000000000f000000001ffffffff803fffffff807fffffffe0000003f0000000007800000001ffffffffc0000000000
07ffffffff0000003f0000000003c00000001ffffffffc000000000007ffffffff0000003f8000000001e00000001ffffffffc000000000007ffffffff000000
3f8000000000700000000ffffffffc000000000003ffffffff0000003fc000000000380000001ffffffffc000000000007ffffffff0000001fc0000000001e00
00001ffffffffe00000000000fffffffff8000003fc0000000077f7777777ffffffffe01777777777fffffffff8000001fc00000000ffffffffffffffffffe03
ffffffffffffffffff8000003fe00000000ffffffffffffffffffe03ffffffffffffffffff8000001fc00000000ffffffffffffffffffe03ffffffffffffffff
ff8000003fe00000000fffffffff000000000003ffffffffe0000000000000001fe00000000fffffffff000000000003ffffffffc0000000000000003fe00000
000ffffffffe000000000001ffffffff80000000000000001fe00000000ffffffffe000000000003ffffffff80000000000000003fe000000007ffffffff0000
00000001ffffffffc0000000000000003fe000000007ffffffff000000000001ffffffffc0000000000000003fe000000007ffffffff000000000001ffffffff
c0000000000000003fe000000003ffffffff000000000000ffffffffc0000000000000007fe000000003ffffffff000000000000ffffffffc000000000000000
7fe000000003ffffffff800000000000ffffffffe0000000000000007fe000000003ffffffff800000000000ffffffffe000000000000000ffc000000003ffff
ffff800000000000ffffffffe000000000000000ffc000000001ffffffff8000000000007fffffffe000000000000001ffc000000001ffffffff800000000000
7ffffffff000000000000001ffc000000001ffffffffc000000000007ffffffff000000000000001ff8000000001ffffffffc000000000007ffffffff0000000
00000003ff8000000000fffff7ffc000000000003ffffffff000000000000007ff0000000000ffffffffe000000000003ffffffff80000000000000fff000000
0000ffffffffe000000000003ffffffff80000000000001fff0000000000ffffffffe000000000003ffffffff80000000000003ffe00000000007ffffff7e000
000000001ffffffff80000000000003ffc00000000007fffffffe000000000001ffffffff80000000000007ffc00000000007ffffffff000000000001fffffff
fc000000000000fff800000000007ffffffff800000000001ffffffffc000000000003fff000000000007ffffffffc00000000001ffffffffc000000000007ff
e000000000003ffffffffb80000000000ffffffffe00000000000fffe000000000003ffffffff070000000000ffffffffc00000000001fffc000000000003fff
fffff83e000000000ffffffffe0000000000ffff8000000000001ffffffff807c000000007fffffffe0000000001fffe0000000000003ffffffff800f8000000
07fffffffe0000000003fffc0000000000001ffffffffc001f80000007ffffffff000000001ffff00000000000001ffffffffc0007f8000007ffffffff000000
00ffffe00000000000001ffffffffc00007f000007ffffffff00000001ffffc00000000000000ffffffffc00000ff80003ffffffff0000000fffff0000000000
00000ffffffffc000001ffc003ffffffff0000007ffffc000000000000000ffffffffe0000003ffe03ffffffff80000ffffff80000000000000007fffffffe00
000003fff3ffffffff80007fffffc0000000000000000ffffffffe000000003fffffffffff803ffffffe000000000000000007fffffffe0000000003ffffffff
fffffffffff0000000000000000007ffffffff00000000003fffffffffffffffff80000000000000000007ffffffff000000000001fffffffffffffff8000000
00000000000003ffffffff000000000000ffffffffffffff8000000000000000000003ffffffff000000000000ffffffffffffc00000000000000000000003ff
ffffff800000000000fffffffffa80000000000000000000000003ffffffff0000000000007ffffffff800000000000000000000000003ffffffff8000000000
00fffffffffc00000000000000000000000001ffffffff8000000000007ffffffffe00000000000000000000000001ffffffff8000000000007fffffffff8000
0000000000000000000001ffffffffc000000000007fffffffffe0000000000000000000000001ffffffffc000000000003ffffffffff8000000000000000000
000000ffffffffc000000000003fffffffffff0000000000000000000000007fffffff8000000000000fffffffffff800000000000002d4b0000410bc6008800
aa00db00000000004a0060000000000028000000db000000aa0000000100080000000000000000000000000000000000000000000000000000000000ffffff00
db920000dd930000db9000001b89eb00dd9100001a88eb001887eb001887ea001987eb00dc9300001788e9001a88ea001786ea001a89e9001987e9001987ec00
1a87ea00dd9200001a86ec001887e9001b88e9001a87e900db8f00001888ea001a89ec001986e9001a89eb001888e8001a87eb001888eb00dc9200001988e900
1888e9000b8bf3001987ea001788ea001988eb001886eb001989e9001a88e900158ae9001a86ea001988ea00d78d00001886e9001a87ec001988ec001689e800
0f7fdf001b86e8001986ec001888ec001483ea001885e900dc9100008a8d62001986ea003986c0001489ea001986eb00d89005003989c5005389a100da910000
1e87e600b19031001985eb00cc9114001e88e300cd910d00da920000348ac9001085e800d49208002289dd008a8c62001886ea001687ea00d9910300c2901c00
1889ea004a8bac00db910000738b7d00d2900b001a89ea009d9e2300bf971000d59203001988e800de9200001887e8001787ea00dd9500001085e3001687e800
1788ed001985e800d99200001685e800db9300001a86e9001a87e800da9000002db968002db967002cb767002db866002db966002eb968002eb868001989eb00
2bb767002bb66800188aea00df8f00002cb866001886ec002cb867001887ec001cb854002dba6700dc8f00002cb76800e28d000029b764001785e9002db76700
1785ea002dba65002cb968002bb865002eb768002bb866001a86e8001987e800dd9000002cb965001787ed001885e800d49400001384eb00de940000198ae900
1889eb002db76500d9900000da8b0000198aec001786ec002db965002cb666002eb767002eb965002bb664001886e80029ba60001588ed001787e900178beb00
2db666001b87e9001989ea001a89e8002cb765002bb76500db8e0000d9910000aa5500002cb966002db865002aba660024bd6500da8f00001fbf5f00dc900000
2bb764002bb868002db76600de93000028b464002bb76600dd9400002bb86700df7f00008ba32d0044b45800dc9400002cb967007ca63500de910000c3960e00
c3980b0041b258002eb6660045b358002db867002eb866002bb9670029b767002bb6650027b062002cb865000000000000000000000000000000000000000000
00000000000000000000000000000000000000000000000000000000000000000000000000000000000000000000000000000000000000000000000000000000
00000000000000000000000000000000000000000000000000000000000000000000000000000000000000000000000000000000000000000000000000000000
00000000000000000000000000000000000000000000000000000000000000000000000000000000000000000000000000000000000000000101010101010101
010101010101010101010101010101010101010101010101010101010101010101010101cc6f6f6f6f6f6f6f6f6f6f6f6f6f6f6f6f6f6f6f6f6f6f6f6f6f6f6f
6f6f0101010101010101010101010101010101010101010101010101010101010101010101010101010101010101010101010101010101010101010101010101
01010101010101010101010101010101010101010101010101010101010101010101010101010101010101010101010101010101010101010101010101010101
0101010101010101010101010101010101010100010101010101010101010101010101010101010101010101010101010101010101010101010101010101016f
6f6f6f6f6f6f6f6f6f6f6f6f6f6f6f6f6f6f6f6f6f6f6f6f6f6f6f6f6f6f6f6fcb01010101010101010101010101010101010101010101010101010101010101
01010101010101010101010101010101010101010101010101010101010101010101010101010101010101010101010101010101010101010101010101010101
01010101010101010101010101010101010101010101010101010101010101010101010101010101010101010101010001010101010101010101010101010101
0101010101010101010101010101010101010101010101010101016f6f6f6f6f6f6f6f6f6f6f6f6f6f6f6f6f6f6f6f6f6f6f6f6f6f6f6f6f6f6f6f6f6f010101
01010101010101010101010101010101010101010101010101010101010101010101010101010101010101010101010101010101010101010101010101010101
01010101010101010101010101010101010101010101010101010101010101010101010101010101010101010101010101010101010101010101010101010101
010101010101010101010100010101010101010101010101010101010101010101010101010101010101010101010101010101010101016f6f6f6f6f6f6f6f6f
6f6f6f6f6f6f6f6f6f6f6f6f6f6f6f6f6f6f6f6f6f6f6f6f6f010101010101010101010101010101010101010101010101010101010101010101010101010101
01010101010101010101010101010101010101010101010101010101010101010101010101010101010101010101010101010101010101010101010101010101
01010101010101010101010101010101010101010101010101010101010101010101010101010100010101010101010101010101010101010101010101010101
010101010101010101010101010101010101016f6f6f6f6f6f6f6f6f6f6f6f6f6f6f6f6f6f6f6f6f6f6f6f6f6f6f6f6f6f6f6f6f6f7601010101010101010101
01010101010101010101010101010101010101010101010101010101010101010101010101010101010101010101010101010101010101010101010101010101
01010101010101010101010101010101010101010101010101010101010101010101010101010101010101010101010101010101010101010101010101010101
01010100010101010101010101010101010101010101010101010101010101010101010101010101010101010101016f6f6f6f6f6f6f6f6f6f6f6f6f6f6f6f6f
6f6f6f6f6f6f6f6f6f6f6f6f6f6f6f6f6fbe01010101010101010101010101010101010101010101010101010101010101010101010101010101010101010101
01010101010101010101010101010101010101010101010101010101010101010101010101010101010101010101010101010101010101010101010101010101
01010101010101010101010101010101010101010101010101010101010101000101010101010101010101010101010101010101010101010101010101010101
0101010101010101010101a66f6f6f6f6f6f6f6f6f6f6f6f6f6f6f6f6f6f6f6f6f6f6f6f6f6f6f6f6f6f6f6f6f6f010101010101010101010101010101010101
01010101010101010101010101010101010101010101010101010101010101010101010101010101010101010101010101010101010101010101010101010101
01010101010101010101010101010101010101010101010101010101010101010101010101010101010101010101010101010101010101010101010001010101
010101010101010101010101010101010101010101010101010101010101010101010101010101016f6f6f6f6f6f6f6f6f6f6f6f6f6f6f6f6f6f6f6f6f6f6f6f
6f6f6f6f6f6f6f6f6f6fca0101010101010101010101010101010101010101010101010101010101010101010101010101010101010101010101010101010101
01010101010101010101010101010101010101010101010101010101010101010101010101010101010101010101010101010101010101010101010101010101
01010101010101010101010101010101010101010101010001010101010101010101010101010101010101010101010101010101010101010101010101010101
010101016f6f6f6f6f6f6f6f6f6f6f6f6f6f6f6f6f6f6f6f6f6f6f6f6f6f6f6f6f6f6f6f6f6f0101010101010101010101010101010101010101010101010101
01010101010101010101010101010101010101010101010101010101010101010101010101010101010101010101010101010101010101010101010101010101
01010101010101010101010101010101010101010101010101010101010101010101010101010101010101010101010101010100010101010101010101010101
01010101010101010101010101010101010101010101010101010101010101016f6f6f6f6f6f6f6f6f6f6f6f6f6f6f6f6f6f6f6f6f6f6f6f6f6f6f6f6f6f6f6f
6f6f8101010101010101010101010101010101010101010101010101010101010101010101010101010101010101010101010101010101010101010101010101
01010101010101010101010101010101010101010101010101010101010101010101010101010101010101010101010101010101010101010101010101010101
010101010101010101010101010101000101010101010101010101010101010101010101010101010101010101010101010101010101010101010101016f6f6f
6f6f6f6f6f6f6f6f6f6f6f6f6f6f6f6f6f6f6f6f6f6f6f6f6f6f6f6f6f6f6f010101010101010101010101010101010101010101010101010101010101010101
01010101010101010101010101010101010101010101010101010101010101010101010101010101010101010101010101010101010101010101010101010101
01010101010101010101010101010101010101010101010101010101010101010101010101010101010101000101010101010101010101010101010101010101
010101010101010101010101010101010101010101010101c96f6f6f6f6f6f6f6f6f6f6f6f6f6f6f6f6f6f6f6f6f6f6f6f6f6f6f6f6f6f6f6f6f6f0101010101
01010101010101010101010101010101010101010101010101010101010101010101010101010101010101010101010101010101010101010101010101010101
01010101010101010101010101010101010101010101010101010101010101010101010101010101010101010101010101010101010101010101010101010101
01010101010101000101010101010101010101010101010101010101010101010101010101010101010101010101010101010101016f6f6f6f6f6f6f6f6f6f6f
6f6f6f6f6f6f6f6f6f6f6f6f6f6f6f6f6f6f6f6f6f6f6fc801010101010101010101010101010101010101010101010101010101010101010101010101010101
01010101010101010101010101010101010101010101010101010101010101010101010101010101010101010101010101010101010101010101010101010101
01010101010101010101010101010101010101010101010101010101010101010101010001010101010101010101010101010101010101010101010101010101
01010101010101010101010101010101016f6f6f6f6f6f6f6f6f6f6f6f6f6f6f6f6f6f6f6f6f6f6f6f6f6f6f6f6f6f6f6f6f6fc7010101010101010101010101
01010101010101010101010101010101010101010101010101010101010101010101010101010101010101010101010101010101010101010101010101010101
01010101010101010101010101010101010101010101010101010101010101010101010101010101010101010101010101010101010101010101010101010100
010101010101010101010101010101010101010101010101010101010101010101010101010101010101010101c66f6f6f6f6f6f6f6f6f6f6f6f6f6f6f6f6f6f
6f6f6f6f6f6f6f6f6f6f6f6f6f6f6f6f010101010101010101010101010101010101010101010101010101010101010101010101010101010101010101010101
01010101010101010101010101010101010101010101010101010101010101010101010101010101010101010101010101010101010101010101010101010101
01010101010101010101010101010101010101010101010101010100010101010101010101010101010101010101010101010101010101010101010101010101
010101010101010101016f6f6f6f6f6f6f6f6f6f6f6f6f6f6f6f6f6f6f6f6f6f6f6f6f6f6f6f6f6f6f6f6f6f0101010101010101010101010101010101010101
01010101010101010101010101010101010101010101010101010101010101010101010101010101010101010101010101010101010101010101010101010101
01010101010101010101010101010101010101010101010101010101010101010101010101010101010101010101010101010101010101000101010101010101
01010101010101010101010101010101010101010101010101010101010101010101010101016f6f6f6f6f6f6f6f6f6f6f6f6f6f6f6f6f6f6f6f6f6f6f6f6f6f
6f6f6f6f6f6f6f6f0101010101010101010101010101010101010101010101010101010101010101010101010101010101010101010101010101010101010101
01010101010101010101010101010101010101010101010101010101010101010101010101010101010101010101010101010101010101010101010101010101
01010101010101010101010101010101010101000101010101010101010101010101010101010101010101010101010101010101010101010101010101010101
01016f6f6f6f6f6f6f6f6f6f6f6f6f6f6f6f6f6f6f6f6f6f6f6f6f6f6f6f6f6f6f6f6f6f76010101010101010101010101010101010101010101010101010101
01010101010101010101010101010101010101010101010101010101010101010101010101010101010101010101010101010101010101010101010101010101
01010101010101010101010101010101010101010101010101010101010101010101010101010101010101010101010001010101010101010101010101010101
0101010101010101010101010101010101010101010101010101010101016c6f6f6f6f6f6f6f6f6f6f6f6f6f6f6f6f6f6f6f6f6f6f6f6f6f6f6f6f6f6f6f6f6f
6f010101010101010101010101010101010101010101010101010101010101010101010101010101010101010101010101010101010101010101010101010101
01010101010101010101010101010101010101010101010101010101010101010101010101010101010101010101010101010101010101010101010101010101
01010101010101010101010001010101010101010101010101010101010101010101010101010101010101010101010101010101010101010101726f6f6f6f6f
6f6f6f6f6f6f6f6f6f6f6f6f6f6f6f6f6f6f6f6f6f6f6f6f6f6f6f6f6f0101010101010101010101010101010101010101010101010101010101010101010101
01010101010101010101010101010101010101010101010101010101010101010101010101010101010101010101010101010101010101010101010101010101
01010101010101010101010101010101010101010101010101010101010101010101010101010100010101010101010101010101010101010101010101010101
01010101010101010101010101010101010101010101016f6f6f6f6f6f6f6f6f6f6f6f6f6f6f6f6f6f6f6f6f6f6f6f6f6f6f6f6f6f6f6f6f6f01010101010101
01010101010101010101010101010101010101010101010101010101010101010101010101010101010101010101010101010101010101010101010101010101
01010101010101010101010101010101010101010101010101010101010101010101010101010101010101010101010101010101010101010101010101010101
0101010001010101010101010101010101010101010101010101010101010101010101010101010101010101010101010101016f6f6f6f6f6f6f6f6f6f6f6f6f
6f6f6f6f6f6f6f6f6f6f6f6f6f6f6f6f6f6f6f6f6fc57c018a010101010101010101010101010101010101010101010101010101010101010101010101010101
01010101010101010101010101010101010101010101010101010101010101010101010101010101010101010101010101010101010101010101010101010101
01010101010101010101010101010101010101010101010101010101010101000101010101010101010101010101010101010101010101010101010101010101
0101010101010101010101020138546f6f6f6f6f6f6f6f6f6f6f6f6f6f6f6f6f6f6f6f6f6f6f6f6f6f6f6f6f6f6f6f6f6fc40303030303030306204801010101
01010101010101010101010101010101010101010101010101010101010101010101010101010101010101010101010101010101010101010101010101010101
01010101010101010101010101010101010101010101010101010101010101010101010101010101010101010101010101010101010101010101010001010101
01010101010101010101010101010101010101010101010101010101010101010101750403030303030303c36f6f6f6f6f6f6f6f6f6f6f6f6f6f6f6f6f6f6f6f
6f6f6f6f6f6f6f6f6f6f6f6f6f6f030303030303030303030303030354018a010101010101010101010101010101010101010101010101010101010101010101
01010101010101010101010101010101010101010101010101010101010101010101010101010101010101010101010101010101010101010101010101010101
0101010101010101010101010101010101010101010101000101010101010101010101010101010101010101010101010101010101010101010101c054030303
03030303030303c16f6f6f6f6f6f6f6f6f6f6f6f6f6f6f6f6f6f6f6f6f6f6f6f6f6f6f6f6f6f6f6f6f6fc20303030303030303030303030303030303030b015c
01010101010101010101010101010101010101010101010101010101010101010101010101010101010101010101010101010101010101010101010101010101
01010101010101010101010101010101010101010101010101010101010101010101010101010101010101010101010101010100010101010101010101010101
0101010101010101010101010101010101010101030303030303030303030303030303a96f6f6f6f6f6f6f6f6f6f6f6f6f6f6f6f6f6f6f6f6f6f6f6f6f6f6f6f
6f6f6f6f6f6fbf030303030303030303030303030303030303030303030303695401010101010101010101010101010101010101010101010101010101010101
01010101010101010101010101010101010101010101010101010101010101010101010101010101010101010101010101010101010101010101010101010101
01010101010101010101010101010100010101010101010101010101010101010101010101010101010101010102030303030303030303030303030303030303
6f6f6f6f6f6f6f6f6f6f6f6f6f6f6f6f6f6f6f6f6f6f6f6f6f6f6f6f6f6f6f6f6f6fbe0303030303030303030303030303030303030303030303030303030338
01010101010101010101010101010101010101010101010101010101010101010101010101010101010101010101010101010101010101010101010101010101
01010101010101010101010101010101010101010101010101010101010101010101010101010101010101000101010101010101010101010101010101010101
01010101010120030303030303030303030303030303030303030303bc6f6f6f6f6f6f6f6f6f6f6f6f6f6f6f6f6f6f6f6f6f6f6f6f6f6f6f6f6f6f6f6f6f6f01
0101010101010101200120200303030303030303030303030303030303030306bd01010101010101010101010101010101010101010101010101010101010101
01010101010101010101010101010101010101010101010101010101010101010101010101010101010101010101010101010101010101010101010101010101
0101010101010100010101010101010101010101010101010101010101010101540303030303030303030303030303030303030303030303bb6f6f6f6f6f6f6f
6f6f6f6f6f6f6f6f6f6f6f6f6f6f6f6f6f6f6f6f6f6f6f6f6f6f6f01010101010101010101010101010101010154020303030303030303030303030303035454
01010101010101010101010101010101010101010101010101010101010101010101010101010101010101010101010101010101010101010101010101010101
01010101010101010101010101010101010101010101010101010101010101010101010001010101010101010101010101010101010101010101540303030303
0303030303030303030303030303030303030303386f6f6f6f6f6f6f6f6f6f6f6f6f6f6f6f6f6f6f6f6f6f6f6f6f6f6f6f6f6f6f6f6f6f010101010101010101
010101010101010101010101010101010b690303030303030303030303036901ba01010101010101010101010101010101010101010101010101010101010101
01010101010101010101010101010101010101010101010101010101010101010101010101010101010101010101010101010101010101010101010101010100
010101010101010101010101010101010101010154030303030303030303030303030303030303030303030303b80101016f6f6f6f6f6f6f6f6f6f6f6f6f6f6f
6f6f6f6f6f6f6f6f6f6f6f6f6f6f6f6f6f6f6fb90101010101010101010101010101010101010101010101010101010101020303030303030303030303540101
01010101010101010101010101010101010101010101010101010101010101010101010101010101010101010101010101010101010101010101010101010101
01010101010101010101010101010101010101010101010101010100010101010101010101010101010101010101540303030303030303030303030303030303
030303030354af010101010101b76f6f6f6f6f6f6f6f6f6f6f6f6f6f6f6f6f6f6f6f6f6f6f6f6f6f6f6f6f6f6f6f6f8601010101010101010101010101010101
01010101010101010101010101010101010166030303030303030303033841010101010101010101010101010101010101010101010101010101010101010101
01010101010101010101010101010101010101010101010101010101010101010101010101010101010101010101010101010101010101000101010101010101
0101010101010101010303030303030303030303030303030303030303035401010101010101010101876f6f6f6f6f6f6f6f6f6f6f6f6f6f6f6f6f6f6f6f6f6f
6f6f6f6f6f6f6f6f6f6f6f6f0101010101010101010101010101010101010101010101010101010101010101010101010101b15403030303030303030b010101
01010101010101010101010101010101010101010101010101010101010101010101010101010101010101010101010101010101010101010101010101010101
01010101010101010101010101010101010101000101010101010101010101010101010303030303030303030303030303030303030303032001010101010101
0101010101016f6f6f6f6f6f6f6f6f6f6f6f6f6f6f6f6f6f6f6f6f6f6f6f6f6f6f6f6f6f6f6f6f6fb60101010101010101010101010101010101010101010101
0101010101010101010101010101010101012003030303030303035c7e0101010101010101010101010101010101010101010101010101010101010101010101
01010101010101010101010101010101010101010101010101010101010101010101010101010101010101010101010001010101010101010101010101010303
030303030303030303030303030303030354010101010101010101010101010101016f6f6f6f6f6f6f6f6f6f6f6f6f6f6f6f6f6f6f6f6f6f6f6f6f6f6f6f6f6f
6f6f6f6f010101010101010101010101010101010101010101010101010101010101010101010101010101010101010101010203030303030303010101010101
01010101010101010101010101010101010101010101010101010101010101010101010101010101010101010101010101010101010101010101010101010101
0101010101010101010101000101010101010101010101014803030303030303030303030303030303030303b501010101010101010101010101010101016d6f
6f6f6f6f6f6f6f6f6f6f6f6f6f6f6f6f6f6f6f6f6f6f6f6f6f6f6f6f6f6f6f6f6f01010101010101010101010101010101010101010101010101010101010101
01010101010101010101010101010101010203030303030354010101010101010101010101010101010101010101010101010101010101010101010101010101
01010101010101010101010101010101010101010101010101010101010101010101010101010100010101010101010101010103030303030303030303030303
0303030303030101010101010101010101010101010101010101016f6f6f6f6f6f6f6f6f6f6f6f6f6f6f6f6f6f6f6f6f6f6f6f6f6f6f6f6f6f6f6f6f6f010101
01010101010101010101010101010101010101010101010101010101010101010101010101010101010101010101010101380303030303540101010101010101
01010101010101010101010101010101010101010101010101010101010101010101010101010101010101010101010101010101010101010101010101010101
010101000101010101010101010148030303030303030303030303030303030320010101010101010101010101010101010101010101016f6f6f6f6f6f6f6f6f
6f6f6f6f6f6f6f6f6f6f6f6f6f6f6f6f6f6f6f6f6f6f6f6f6f010101010101010101010101010101010101010101010101010101010101010101010101010101
01010101010101010101010101010101030303030366b10101010101010101010101010101010101010101010101010101010101010101010101010101010101
01010101010101010101010101010101010101010101010101010101010101000101010101010101010303030303030303030303030303030303660101010101
010101010101010101010101010101010101016f6f6f6f6f6f6f6f6f6f6f6f6f6f6f6f6f6f6f6f6f6f6f6f6f6f6f6f6f6f6f6f6f6fac01010101010101010101
01010101010101010101010101010101010101010101010101010101010101010101010101010101010101010101015403030303010101010101010101010101
01010101010101010101010101010101010101010101010101010101010101010101010101010101010101010101010101010101010101010101010001010101
01010101060303030303030303030303030303030369010101010101010101010101010101010101010101010101016f6f6f6f6f6f6f6f6f6f6f6f6f6f6f6f6f
6f6f6f6f6f6f6f6f6f6f6f6f6f6f6f6f6fb401010101010101010101010101010101010101010101010101010101010101010101010101010101010101010101
01010101010101010101010101130303030348010101010101010101010101010101010101010101010101010101010101010101010101010101010101010101
01010101010101010101010101010101010101010101010001010101010101200303030303030303030303030303030301010101010101010101010101010101
0101010101010101010101ab6f6f6f6f6f6f6f6f6f6f6f6f6f6f6f6f6f6f6f6f6f6f6f6f6f6f6f6f6f6f6f6f6f6f010101010101010101010101010101010101
01010101010101010101010101010101010101010101010101010101010101010101010101010101010101010203030303010101010101010101010101010101
01010101010101010101010101010101010101010101010101010101010101010101010101010101010101010101010101010100010101010101380303030303
030303030303030303030301010101010101010101010101010101010101010101010101010101016f6f6f6f6f6f6f6f6f6f6f6f6f6f6f6f6f6f6f6f6f6f6f6f
6f6f6f6f6f6f6f6f6f6f010101010101010101010101010101010101010101010101010101010101010101010101010101010101010101010101010101010101
01010101010101010101b10303035401010101010101010101010101010101010101010101010101010101010101010101010101010101010101010101010101
01010101010101010101010101010100010101010101030303030303030303030303030303200101010101010101010101010101010101010101010101010101
010101016f6f6f6f6f6f6f6f6f6f6f6f6f6f6f6f6f6f6f6f6f6f6f6f6f6f6f6f6f6f6f6f6f6f0101010101010101010101010101010101010101010101010101
01010101010101010101010101010101010101010101010101010101010101010101010101010101011303030320010101010101010101010101010101010101
01010101010101010101010101010101010101010101010101010101010101010101010101010101010101000101010101660303030303030303030303030303
06010101010101010101010101010101010101010101010101010101010101016f6f6f6f6f6f6f6f6f6f6f6f6f6f6f6f6f6f6f6f6f6f6f6f6f6f6f6f6f6f6f6f
6f6f6e01010101010101010101010101010101010101010101010101010101010101010101010101010101010101010101010101010101010101010101010101
01010101010101010303030401010101010101010101010101010101010101010101010101010101010101010101010101010101010101010101010101010101
010101010101010001010101010303030303030303030303030303020101010101010101010101010101010101010101010101010101010101010101b36f6f6f
6f6f6f6f6f6f6f6f6f6f6f6f6f6f6f6f6f6f6f6f6f6f6f6f6f6f6f6f6f6f6f010101010101010101010101010101010101010101010101010101010101010101
01010101010101010101010101010101010101010101010101010101010101010101010101013803038a01010101010101010101010101010101010101010101
01010101010101010101010101010101010101010101010101010101010101010101010001010101030303030303030303030303030303010101010101010101
010101010101010101010101010101010101010101010101b26f6f6f6f6f6f6f6f6f6f6f6f6f6f6f6f6f6f6f6f6f6f6f6f6f6f6f6f6f6f6f6f6f6f0101010101
01010101010101010101010101010101010101010101010101010101010101010101010101010101010101010101010101010101010101010101010101010101
01010101540354010101010101010101010101010101010101010101010101010101010101010101010101010101010101010101010101010101010101010100
01010120030303030303030303030303030201010101010101010101010101010101010101010101010101010101010101010101016f6f6f6f6f6f6f6f6f6f6f
6f6f6f6f6f6f6f6f6f6f6f6f6f6f6f6f6f6f6f6f6f6f6f0101010101010101010101010101010101010101010101010101010101010101010101010101010101
01010101010101010101010101010101010101010101010101010101010101010101010303010101010101010101010101010101010101010101010101010101
01010101010101010101010101010101010101010101010101010100010101030303030303030303030303030301010101010101010101010101010101010101
01010101010101010101010101010101016f6f6f6f6f6f6f6f6f6f6f6f6f6f6f6f6f6f6f6f6f6f6f6f6f6f6f6f6f6f6f6f6f6f93010101010101010101010101
01010101010101010101010101010101010101010101010101010101010101010101010101010101010101010101010101010101010101010101010101010101
38030b01010101010101010101010101010101010101010101010101010101010101010101010101010101010101010101010101010101000101010303030303
030303030303030301010101010101010101010101010101010101010101010101010101010101010101010101816f6f6f6f6f6f6f6f6f6f6f6f6f6f6f6f6f6f
6f6f6f6f6f6f6f6f6f6f6f6f6f6f6f86010101010101010101010101010101010101010101010101010101010101010101010101010101010101010101010101
01010101010101010101010101010101010101010101010101010101010101540201010101010101010101010101010101010101010101010101010101010101
01010101010101010101010101010101010101000101030303030303030303030303030601010101010101010101010101010101010101010101010101010101
0101010101010101016e6f6f6f6f6f6f6f6f6f6f6f6f6f6f6f6f6f6f6f6f6f6f6f6f6f6f6f6f6f6f6f6f6f6fb001010101010101010101010101010101010101
010101010101010101010101010101010101010101010101010101010101010101010101010101010101010101010101010101010101010101010101b1032001
01010101010101010101010101010101010101010101010101010101010101010101010101010101010101010101010001010303030303030303030303030301
01010101010101010101010101010101010101010101010101010101010101010101010101016f6f6f6f6f6f6f6f6f6f6f6f6f6f6f6f6f6f6f6f6f6f6f6f6f6f
6f6f6f6f6f6f6f6f6f01010101010101010101010101010101010101010101010101010101010101010101010101010101010101010101010101010101010101
01010101010101010101010101010101010101010101010101010154010101010101010101010101010101010101010101010101010101010101010101010101
010101010101010101010100010b0303030303030303030303031301010101010101010101010101010101010101010101010101010101010101010101010101
01016f6f6f6f6f6f6f6f6f6f6f6f6f6f6f6f6f6f6f6f6f6f6f6f6f6f6f6f6f6f6f6f6f6f6f81ae01010101010101010101010101010101010101010101010101
01010101010101010101010101010101010101010101010101010101010101010101010101010101010101010101010101010101010101016903af0101010101
01010101010101010101010101010101010101010101010101010101010101010101010101010100010303030303030303030303030301010101010101010101
0101010101010101010101010101010101010101010101010101010101016e6f6f6f6f6f6f6f6f6f6f6f6f6f6f6f6f6f6f6f6f6f6f6f6f6f6f6f6f6f6f6f6f6f
6f6f6f6f6f6f6f6f6f6f6f6f6f6f6f6f6f6f6f6f6f6f6f6f6f6f6f6f6f6f6f6f6f6f6f6f6f6f6f6a010101010101010101010101010101010101010101010101
01010101010101010101010101010101010101010101016901010101010101010101010101010101010101010101010101010101010101010101010101010101
01010100010303030303030303030303030301010101010101010101010101010101010101010101010101010101010101010101010101010101ad6f6f6f6f6f
6f6f6f6f6f6f6f6f6f6f6f6f6f6f6f6f6f6f6f6f6f6f6f6f6f6f6f6f6f6f6f6f6f6f6f6f6f6f6f6f6f6f6f6f6f6f6f6f6f6f6f6f6f6f6f6f6f6f6f6f6f6f6f6f
6f6f6f6f6f0101010101010101010101010101010101010101010101010101010101010101010101010101010101010101010101063801010101010101010101
01010101010101010101010101010101010101010101010101010101010101000103030303030303030303030301010101010101010101010101010101010101
0101010101010101010101010101010101010101010101ac6f6f6f6f6f6f6f6f6f6f6f6f6f6f6f6f6f6f6f6f6f6f6f6f6f6f6f6f6f6f6f6f6f6f6f6f6f6f6f6f
6f6f6f6f6f6f6f6f6f6f6f6f6f6f6f6f6f6f6f6f6f6f6f6f6f6f6f6f6f6f6f6f6f6f010101010101010101010101010101010101010101010101010101010101
0101010101010101010101010101010101015401010101010101010101010101010101010101010101010101010101010101010101010101010101008a030303
03030303030303036901010101010101010101010101010101010101010101010101010101010101010101010101010101010101016d816f6f6f6f6f6f6f6f6f
6f6f6f6f6f6f6f6f6f6f6f6f6f6f6f6f6f6f6f6f6f6f6f6f6f6f6f6f6f6f6f6f6f6f6f6f6f6f6f6f6f6f6f6f6f6f6f6f6f6f6f6f6f6f6f6f6f6f6f6f6f6fab01
01010101010101010101010101010101010101010101010101010101010101010101010101010101010101010101010102010101010101010101010101010101
01010101010101010101010101010101010101010101010069030303030303030303030301010101010101010101010101010101010101010101010101010101
010101010101010101010101010101010101010101010101010101010101010101010101010101010101010101010101010101010101016f6f6f6f6f6f6f6f6f
6f6f6f6f6f6f6f6f6f6f6f6f6f6f6f6f6f6f6f6f6f6f6f6f6f6f8501010101010101010101010101010101010101010101010101010101010101010101010101
01010101010101010101010101130101010101010101010101010101010101010101010101010101010101010101010101010100030303030303030303030303
01010101010101010101010101010101010101010101010101010101010101010101010101010101010101010101010101010101010101010101010101010101
01010101010101010101010101010101010101016f6f6f6f6f6f6f6f6f6f6f6f6f6f6f6f6f6f6f6f6f6f6f6f6f6f6f6f6f6f6f6f6f6f6f010101010101010101
01010101010101010101010101010101010101010101010101010101010101010101010101010101010101a9aa01010101010101010101010101010101010101
01010101010101010101010101010100030303030303030303030354010101010101010101010101010101010101010101010101010101010101010101010101
010101010101010101010101010101010101010101010101010101010101010101010101010101010101010101010101016f6f6f6f6f6f6f6f6f6f6f6f6f6f6f
6f6f6f6f6f6f6f6f6f6f6f6f6f6f6f6f6f6f6f010101010101010101010101010101010101010101010101010101010101010101010101010101010101010101
01010101010101010101010101010101010101010101010101010101010101010101010101010101010101000303030303030303030303a80101010101010101
01010101010101010101010101010101010101010101010101010101010101010101010101010101010101010101010101010101010101010101010101010101
010101010101010101010101016f6f6f6f6f6f6f6f6f6f6f6f6f6f6f6f6f6f6f6f6f6f6f6f6f6f6f6f6f6f6f6f6f6f0101010101010101010101010101010101
01010101010101010101010101010101010101010101010101010101010101010101010101015401010101010101010101010101010101010101010101010101
01010101010101000303030303030303030303010101010101010101010101010101010101010101010101010101010101010101010101010101010101010101
01010101010101010101010101010101010101010101010101010101010101010101010101010101016f6f6f6f6f6f6f6f6f6f6f6f6f6f6f6f6f6f6f6f6f6f6f
6f6f6f6f6f6f6f6f6f6f6fa701010101010101010101010101010101010101010101010101010101010101010101010101010101010101010101010101010101
01010101010101010101010101010101010101010101010101010101010101010101010003030303030303030303030101010101010101010101010101010101
01010101010101010101010101010101010101010101010101010101010101010101010101010101010101010101010101010101010101010101010101010101
0101010101a66f6f6f6f6f6f6f6f6f6f6f6f6f6f6f6f6f6f6f6f6f6f6f6f6f6f6f6f6f6f6f6f6f6f010101010101010101010101010101010101010101010101
01010101010101010101010101010101010101010101010101010101010101010101010101010101010101010101010101010101010101010101010101010100
03030303030303030303030101010101010101010101010101010101010101010101010101010101010101130113011301130113011301130113013801380138
0138013801380138013801380138013801380138013801130101010101010101016d6f6f6f6f6f6f6f6f6f6f6f6f6f6f6f6f6f6f6f6f6f6f6f6f6f6f6f6f6f6f
6f6f6f6f0101010101010101019d015701570157015701570157015701570157015701570157015701a501010101010101010101010101010101010101010101
01010101010101010101010101010101010101010101010101010100030303030303030303030301010101010101010101010101010101010101010101010101
01010101010101030303030303030303030303030303030303030303030303030303030303030303030303030303030303030303030301010101010101016f6f
6f6f6f6f6f6f6f6f6f6f6f6f6f6f6f6f6f6f6f6f6f6f6f6f6f6f6f6f6f6f6f6f0101010101010101050505050505050505050505050505050505050505050505
05050505050505050101010112010101010101010101010101010101010101010101010101010101010101010101010101010101010101003803030303030303
03030301010101010101010101010101010101010101010101010101010101010101010101135403030303030303030303030303030303030303030303030303
03030303030303030303030303030303030303010101010101016f6f6f6f6f6f6f6f6f6f6f6f6f6f6f6f6f6f6f6f6f6f6f6f6f6f6f6f6f6f6f6f6f6fa2010101
010101a305050505050505050505050505050505050505050505050505050505050505051701010101a401010101010101010101010101010101010101010101
01010101010101010101010101010101010101005c03030303030303030303010101010101010101010101010101010101010101010101010101010101010101
010101010b040303030303030303030303030303030303030303030303030303030303030303030303030303030303010101010101016f6f6f6f6f6f6f6f6f6f
6f6f6f6f6f6f6f6f6f6f6f6f6f6f6f6f6f6f6f6f6f6f6f6f76010101010101050505050505050505050505050505050505050505050505050505050505050505
05a001010101a1010101010101010101010101010101010101010101010101010101010101010101010101010101010001030303030303030303030101010101
01010101010101010101010101010101010101010101010101010101010101010101010303030303030303030303030303030303030303030303030303030303
030303030303030303030366010101010101016f6f6f6f6f6f6f6f6f6f6f6f6f6f6f6f6f6f6f6f6f6f6f6f6f6f6f6f6f6f6f6f6f6f0101010101012c05050505
05050505050505050505050505050505050505050505050505050505050501010101010101010101010101010101010101010101010101010101010101010101
01010101010101010101010001030303030303030303030101010101010101010101010101010101010101010101010101010101010101010101010101010101
060303030303030303030303030303030303030303030303030303030303030303030303030303030101010101019e6f6f6f6f6f6f6f6f6f6f6f6f6f6f6f6f6f
6f6f6f6f6f6f6f6f6f6f6f6f6f6f6f6f6f0101010101010a05050505050505050505050505050505050505050505050505050505050505050505010101010101
01249f01010101010101010101010101010101010101010101010101010101010101010101010100010303030303030303030301010101010101010101010101
01010101010101010101010101010101010101010101010101010101010120030303030303030303030303030303030303030303030303030303030303030303
03030303010101010101016f6f6f6f6f6f6f6f6f6f6f6f6f6f6f6f6f6f6f6f6f6f6f6f6f6f6f6f6f6f6f6f6f6f9c010101010101050505050505050505050505
050505050505050505050505050505050505050505050101010101010101019d0101010101010101010101010101010101010101010101010101010101010101
01010100015403030303030303030301010101010101010101010101010101010101010101010101010101010101010101010101010101010101010403030303
0303030303030303030303030303030303030303030303030303030303030303380101010101019a6f6f6f6f6f6f6f6f6f6f6f6f6f6f6f6f6f6f6f6f6f6f6f6f
6f6f6f6f6f6f6f6f6f9b010101010101050505050505050505050505050505050505050505050505050505050505050505052401010101010101012212010101
01010101010101010101010101010101010101010101010101010101010101000101030303030303030303010101010101010101010101010101010101010101
0101010101010101010101010101010101010101010101010b030303030303030303030303030303030303030303030303030303030303030303030303010101
010101816f6f6f6f6f6f6f6f6f6f6f6f6f6f6f6f6f6f6f6f6f6f6f6f6f6f6f6f6f6f6f6f6f6f0101010101010505050505050505050505050505050505050505
05050505050505050505050505052101010101010101010101170101010101010101010101010101010101010101010101010101010101010101010001010303
03030303030303010101010101010101010101010101010101010101010101010101010101010101010101010101010101010101010203030303030303030303
03030303030303030303030303030303030303030303030303010101010101016f6f6f6f6f6f6f6f6f6f6f6f6f6f6f6f6f6f6f6f6f6f6f6f6f6f6f6f6f6f6f6f
6f6f0101010101012805050505050505050505050505050505050505050505050505050505050505050505010101010101010101010105010101010101010101
01010101010101010101010101010101010101010101010001010303030303030303030101010101010101010101010101010101010101010101010101010101
0101010101010101010101010101010101010303030303030303030303030303030303030303030303030303030303030303030303010101010101016f6f6f6f
6f6f6f6f6f6f6f6f6f6f6f6f6f6f6f6f6f6f6f6f6f6f6f6f6f6f6f6f6f6f01010101010101050505050505050505050505050505050505050505050505050505
05050505050505010101010101010101010101051e01010101010101010101010101010101010101010101010101010101010100010106030303030303030301
01010101010101010101010101010101010101010101010101010101010101010101010101010101010101010101130303030303030303030303030303030303
0303030303030303030303030303030303010101010101016f6f6f6f6f6f6f6f6f6f6f6f6f6f6f6f6f6f6f6f6f6f6f6f6f6f6f6f6f6f6f6f6f6f990101010101
010505050505050505050505050505050505050505050505050505050505050505050501010101010101010101010101051e0101010101010101010101010101
01010101010101010101010101010100010101030303030303030338010101010101010101010101010101010101010101010101010101010101010101010101
01010101010101010101010303030303030303030303030303030303030303030303030303030303030303030366010101010101816f6f6f6f6f6f6f6f6f6f6f
6f6f6f6f6f6f6f6f6f6f6f6f6f6f6f6f6f6f6f6f6f6f6f0101010101011705050505050505050505050505050505050505050505050505050505050505050505
01010101010101010101010101050501010101010101010101010101010101010101010101010101010101000101012003030303030303540101010101010101
01010101010101010101010101010101010101010101010101010101010101010101010101010113030303030303030303030303030303030303030303030303
03030303030303030303010101010101986f6f6f6f6f6f6f6f6f6f6f6f6f6f6f6f6f6f6f6f6f6f6f6f6f6f6f6f6f6f6f6f6f6f0101010101014e050505050505
05050505050505050505050505050505050505050505050505050505010101010101010101010101010105050101010101010101010101010101010101010101
01010101010101000101010103030303030303030101010101010101010101010101010101010101010101010101010101010101010101010101010101010101
0101016903030303030303030303030303030303030303030303030303030303030303030303010101010101016f6f6f6f6f6f6f6f6f6f6f6f6f6f6f6f6f6f6f
6f6f6f6f6f6f6f6f6f6f6f6f6f6f6f01010101010121050505050505050505050505050505050505050505050505050505050505050505050101010101010101
01010101010101050501010101010101010101010101010101010101010101010101010001010101030303030303030394010101010101010101010101010101
01010101010101010101010101010101010101010101010101010101010101010303030303030303030303030303030303030303030303030303030303030303
0303950101010101016f6f6f6f6f6f6f6f6f6f6f6f6f6f6f6f6f6f6f6f6f6f6f6f6f6f6f6f6f6f6f6f6f6f930101010101010505050505050505050505050505
05050505050505050505050505050505050505059601010101010101010101010101010105059701010101010101010101010101010101010101010101010100
01010101010303030303030313010101010101010101010101010101010101010101010101010101010101010101010101010101010101010101010103030303
03030303030303030303030303030303030303030303030303030303030302010101010101936f6f6f6f6f6f6f6f6f6f6f6f6f6f6f6f6f6f6f6f6f6f6f6f6f6f
6f6f6f6f6f6f6f6f0101010101010505050505050505050505050505050505050505050505050505050505050505050501010101010101010101010101010101
01050501010101010101010101010101010101010101010101010100010101010166030303030303030101010101010101010101010101010101010101010101
01010101010101010101010101010101010101010101010103030303030303030303030303030303030303030303030303030303030303030303030101010101
01016f6f6f6f6f6f6f6f6f6f6f6f6f6f6f6f6f6f6f6f6f6f6f6f6f6f6f6f6f6f6f6f6f6f0101010101010f050505050505050505050505050505050505050505
050505050505050505050505050101010101010101010101010101010101050592010101010101010101010101010101010101010101010001010101010b0303
03030303039001010101010101010101010101010101010101010101010101010101010101010101010101010101010101010101010303030303030303030303
0303030303030303030303030303030303030303030303010101010101016f6f6f6f6f6f6f6f6f6f6f6f6f6f6f6f6f6f6f6f6f6f6f6f6f6f6f6f6f6f6f6f6f6f
01010101010101050505050505050505050505050505050505050505050505050505050505050505050101010101010101010101010101010101010505910101
01010101010101010101010101010101010101000101010101010303030303030313010101010101010101010101010101010101010101010101010101010101
010101010101010101010101010101018e03030303030303030303030303030303030303030303030303030303030303030303010101010101016f6f6f6f6f6f
6f6f6f6f6f6f6f6f6f6f6f6f6f6f6f6f6f6f6f6f6f6f6f6f6f6f6f6f7d01010101018f0505050505050505050505050505050505050505050505050505050505
05050505050101010101010101010101010101010101012605052601010101010101010101010101010101010101010001010101010101030303030303030101
01010101010101010101010101010101010101010101010101010101010101010101010101010101010101010103030303030303030303030303030303030303
030303030303030303030303030303130101010101016f6f6f6f6f6f6f6f6f6f6f6f6f6f6f6f6f6f6f6f6f6f6f6f6f6f6f6f6f6f6f6f6f6f0101010101010105
0505050505050505050505050505050505050505050505050505050505050505052b0101010101010101010101010101010101010505058d0101010101010101
010101010101010101010100010101010101018a0303030303032001010101010101010101010101010101010101010101010101010101010101010101010101
01010101010101010103030303030303030303030303030303030303030303030303030303030303030303030101010101018b6f6f6f6f6f6f6f6f6f6f6f6f6f
6f6f6f6f6f6f6f6f6f6f6f6f6f6f6f6f6f6f6f6f6f01010101010105050505050505050505050505050505050505050505050505050505050505050505170101
01010101010101010101010101010101010505058c01010101010101010101010101010101010100010101010101010103030303030303010101010101010101
01010101010101010101010101010101010101010101010101010101010101010101010101030303030303030303030303030303030303030303030303030303
0303030303030303010101010101016f6f6f6f6f6f6f6f6f6f6f6f6f6f6f6f6f6f6f6f6f6f6f6f6f6f6f6f6f6f6f6f6f6f0101010101011d0505050505050505
05050505050505050505050505050505050505050505050505050101010101010101010101010101010101010101050505010101010101010101010101010101
01010100010101010101010120030303030303200101010101010101010101010101010101010101010101010101010101010101010101010101010101010101
010103030303030303030303030303030303030303030303030303030303030303030303010101010101016f6f6f6f6f6f6f6f6f6f6f6f6f6f6f6f6f6f6f6f6f
6f6f6f6f6f6f6f6f6f6f6f6f6f010101010101010505050505050505050505050505050505050505050505050505050505050505050501010101010101010101
01010101010101010101890505050101010101010101010101010101010101000101010101010101010303030303030301010101010101010101010101010101
01010101010101010101010101010101010101010101010101010101010103030303030303030303030303030303030303030303030303030303030303030303
01010101010101866f6f6f6f6f6f6f6f6f6f6f6f6f6f6f6f6f6f6f6f6f6f6f6f6f6f6f6f6f6f6f6f6f8701010101010105050505050505050505050505050505
05050505050505050505050505050505050501010101010101010101010101010101010101010188050505010101010101010101010101010101010001010101
01010101010103030303030304010101010101010101010101010101010101010101010101010101010101010101010101010101010101010101030303030303
0303030303030303030303030303030303030303030303030303030338010101010101856f6f6f6f6f6f6f6f6f6f6f6f6f6f6f6f6f6f6f6f6f6f6f6f6f6f6f6f
6f6f6f6f6f6f010101010101050505050505050505050505050505050505050505050505050505050505050505051e0101010101010101010101010101010101
01010101050505170101010101010101010101010101010001010101010101010101010303030303030101010101010101010101010101010101010101010101
01010101010101010101010101010101010101010101200303030303030303030303030303030303030303030303030303030303030303030301010101010184
6f6f6f6f6f6f6f6f6f6f6f6f6f6f6f6f6f6f6f6f6f6f6f6f6f6f6f6f6f6f6f6f6f6f0101010101011f0505050505050505050505050505050505050505050505
05050505050505050505050101010101010101010101010101010101010101010105050512010101010101010101010101010100010101010101010101010103
03030303034801010101010101010101010101010101010101010101010101010101010101010101010101010101010101010b03030303030303030303030303
030303030303030303030303030303030303030303010101010101016f6f6f6f6f6f6f6f6f6f6f6f6f6f6f6f6f6f6f6f6f6f6f6f6f6f6f6f6f6f6f6f6f6f8301
010101012205050505050505050505050505050505050505050505050505050505050505050505010101010101010101010101010101010101010101012b0505
053d0101010101010101010101010100010101010101010101010101030303030303010101010101010101010101010101010101010101010101010101010101
01010101010101010101010101010103030303030303030303030303030303030303030303030303030303030303030303010101010101016f6f6f6f6f6f6f6f
6f6f6f6f6f6f6f6f6f6f6f6f6f6f6f6f6f6f6f6f6f6f6f6f6f6f0101010101010105050505050505050505050505050505050505050505050505050505050505
05050501010101010101010101010101010101010101010101010505050501010101010101010101010101000101010101010101010101010103030303030301
01010101010101010101010101010101010101010101010101010101010101010101010101010101010101030303030303030303030303030303030303030303
03030303030303030303030303200101010101016f6f6f6f6f6f6f6f6f6f6f6f6f6f6f6f6f6f6f6f6f6f6f6f6f6f6f6f6f6f6f6f6f6f81010101010101050505
050505050505050505050505050505050505050505050505050505050505051e0101010101010101010101010101010101010101010182050505050101010101
0101010101010100010101010101010101010101010b030303030313010101010101010101010101010101010101010101010101010101010101010101010101
010101010101010203030303030303030303030303030303030303030303030303030303030303030303010101010101016f6f6f6f6f6f6f6f6f6f6f6f6f6f6f
6f6f6f6f6f6f6f6f6f6f6f6f6f6f6f6f6f6f6f010101010101050505050505050505050505050505050505050505050505050505050505050505051701010101
01010101010101010101010101010101010101070505050501010101010101010101010001010101010101010101010101010403030303037e01010101010101
01010101010101010101010101010101010101010101010101010101010101010101010103030303030303030303030303030303030303030303030303030303
0303030303030101010101017f6f6f6f6f6f6f6f6f6f6f6f6f6f6f6f6f6f6f6f6f6f6f6f6f6f6f6f6f6f6f6f6f6f6f0101010101018005050505050505050505
05050505050505050505050505050505050505050505050501010101010101010101010101010101010101010101010105050505670101010101010101010100
01010101010101010101010101010154030303030301010101010101010101010101010101010101010101010101010101010101010101010101010101010101
03030303030303030303030303030303030303030303030303030303030303030303010101010101016f6f6f6f6f6f6f6f6f6f6f6f6f6f6f6f6f6f6f6f6f6f6f
6f6f6f6f6f6f6f6f6f6f6f7d01010101010105050505050505050505050505050505050505050505050505050505050505050505010101010101010101010101
01010101010101010101010101050505050101010101010101010100010101010101010101010101010101010303030303030101010101010101010101010101
01010101010101010101010101010101010101010101010101010101030303030303030303030303030303030303030303030303030303030303030303037c01
01010101017d6f6f6f6f6f6f6f6f6f6f6f6f6f6f6f6f6f6f6f6f6f6f6f6f6f6f6f6f6f6f6f6f6f6f010101010101050505050505050505050505050505050505
050505050505050505050505050505050d0101010101010101010101010101010101010101010101010505050505010101010101010101000101010101010101
01010101010101010103030303030101010101010101010101010101010101010101010101010101010101010101010101010101010101010303030303030303
0303030303030303030303030303030303030303030303030303200101010101017b6f6f6f6f6f6f6f6f6f6f6f6f6f6f6f6f6f6f6f6f6f6f6f6f6f6f6f6f6f6f
6f6f6f6f010101010101290505050505050505050505050505050505050505050505050505050505050505050501010101010101010101010101010101010101
01010101015205050505010101010101010101000101010101010101010101010101010101010303030303010101010101010101010101010101010101010101
01010101010101010101010101010101010101010403030303030303030303030303030303030303030303030303030303030303030303010101010101016f6f
6f6f6f6f6f6f6f6f6f6f6f6f6f6f6f6f6f6f6f6f6f6f6f6f6f6f6f6f6f6f6f6f7a01010101012605050505050505050505050505050505050505050505050505
05050505050505050501010101010101010101010101010101010101010101010101050505050501010101010101010001010101010101010101010101010101
01010103030303540101010101010101010101010101010101010101010101010101010101010101010101010101010101030303030303030303030303030303
03030303030303030303030303030303030303010101010101016f6f6f6f6f6f6f6f6f6f6f6f6f6f6f6f6f6f6f6f6f6f6f6f6f6f6f6f6f6f6f6f6f6f01010101
01010105050505050505050505050505050505050505050505050505050505050505050505010101010101010101010101010101010101010101010101010105
05050517010101010101010001010101010101010101010101010101010101010303030338010101010101010101010101010101010101010101010101010101
0101010101010101010101010103030303030303030303030303030303030303030303030303030303030303030303010101010101016f6f6f6f6f6f6f6f6f6f
6f6f6f6f6f6f6f6f6f6f6f6f6f6f6f6f6f6f6f6f6f6f6f6f78010101010101050505050505050505050505050505050505050505050505050505050505050505
05010101010101010101010101010101010101010101010101010105050505057901010101010100010101010101010101010101010101010101010101030303
030b0101010101010101010101010101010101010101010101010101010101010101010101010101010303030303030303030303030303030303030303030303
030303030303030303030303010101010101016f6f6f6f6f6f6f6f6f6f6f6f6f6f6f6f6f6f6f6f6f6f6f6f6f6f6f6f6f6f6f6f6f6f0101010101010505050505
05050505050505050505050505050505050505050505050505050505050901010101010101010101010101010101010101010101010101170505050505010101
01010100010101010101010101010101010101010101010101010303030375010101010101010101010101010101010101010101010101010101010101010101
01010101013803030303030303030303030303030303030303030303030303030303030303030303010101010101766f6f6f6f6f6f6f6f6f6f6f6f6f6f6f6f6f
6f6f6f6f6f6f6f6f6f6f6f6f6f6f6f6f6f0101010101011b05050505050505050505050505050505050505050505050505050505050505050505010101010101
01010101010101010101010101010101010101010505050505770101010101000101010101010101010101010101010101010101010101030303030101010101
01010101010101010101010101010101010101010101010101010101010101010113030303030303030303030303030303030303030303030303030303030303
03030303010101010101016f6f6f6f6f6f6f6f6f6f6f6f6f6f6f6f6f6f6f6f6f6f6f6f6f6f6f6f6f6f6f6f6f6f01010101010101050505050505050505050505
05050505050505050505050505050505050505050505010101010101010101010101010101010101010101010101010105050505051701010101010001010101
01010101010101010101010101010101010101010303030301010101010101010101010101010101010101010101010101010101010101010101010101010303
0303030303030303030303030303030303030303030303030303030303030303060101010101016f6f6f6f6f6f6f6f6f6f6f6f6f6f6f6f6f6f6f6f6f6f6f6f6f
6f6f6f6f6f6f6f6f6f73010101010101050505050505050505050505050505050505050505050505050505050505050505057401010101010101010101010101
0101010101010101010101015b05050505051b010101010001010101010101010101010101010101010101010101010101030303660101010101010101010101
01010101010101010101010101010101010101010101010101010303030303030303030303030303030303030303030303030303030303030303030304010101
010101726f6f6f6f6f6f6f6f6f6f6f6f6f6f6f6f6f6f6f6f6f6f6f6f6f6f6f6f6f6f6f6f6f6f0101010101010505050505050505050505050505050505050505
05050505050505050505050505050101010101010101010101010101010101010101010101010101010505050505050101010100010101010101010101010101
01010101010101010101010101010303030301010101010101010101010101010101010101010101010101010101010101010101010166030303030303030303
03030303030303030303030303030303030303030303030303010101010101016f6f6f6f6f6f6f6f6f6f6f6f6f6f6f6f6f6f6f6f6f6f6f6f6f6f6f6f6f6f6f6f
6f6f0101010101012605050505050505050505050505050505050505050505050505050505050505050505010101010101010101010101010101010101010101
01010101011705050505050101010100010101010101010101010101010101010101010101010101010101030303030101010101010101010101010101010101
010101010101010101010101010101010101010303030303030303030303030303030303030303030303030303030303030303030301010101010101016f6f6f
6f6f6f6f6f6f6f6f6f6f6f6f6f6f6f6f6f6f6f6f6f6f6f6f6f6f6f6f6f7001010101010101050505050505050505050505050505050505050505050505050505
05050505050505010101010101010101010101010101010101010101010101010171050505050552010101000101010101010101010101010101010101010101
01010101010101010303036901010101010101010101010101010101010101010101010101010101010101010101010303030303030303030303030303030303
03030303030303030303030303030303030101010101010101016a6b6c6c6c6c6c6c6c6c6c6c6c6c6c6c6c6c6c6c6c6c6c6c6c6c6c6c6c6d6e01010101010101
01050505050505050505050505050505050505050505050505050505050505050505050101010101010101010101010101010101010101010101010101010505
05050505010101000101010101010101010101010101010101010101010101010101010101410303540101010101010101010101010101010101010101010101
01010101010101010101010303030303030303030303030303030303030303030303030303030303030303030304010101010101010101010101010101010101
01010101010101010101010101010101010101010101010101010101010505050505050505050505050505050505050505050505050505050505050505050568
01010101010101010101010101010101010101010101010101010505050505050101010001010101010101010101010101010101010101010101010101010101
01010403030301010101010101010101010101010101010101010101010101010101010101010154030303030303030303030303030303030303030303030303
03030303030303030303010101010101010101010101010101010101010101010101010101010101010101010101010101010101010101010105050505050505
0505050505050505050505050505050505050505050505050505054e010101010101010101010101010101010101010101010101010105050505050505010100
01010101010101010101010101010101010101010101010101010101010101030303540101010101010101010101010101010101010101010101010101010101
01010104030303030303030303030303030303030303030303030303030303030303030303030101010101010101010101010101010101010101010101010101
01010101010101010101010101010101010101010129050505050505050505050505050505050505050505050505050505050505050505050101010101010101
01010101010101010101010101010101010105050505050505010100010101010101010101010101010101010101010101010101010101010101010101030303
01010101010101010101010101010101010101010101010101010101010101010303030303030303030303030303030303030303030303030303030303030303
03030101010101010101010101010101010101010101010101010101010101010101010101010101010101010101010101010505050505050505050505050505
05050505050505050505050505050505050505050101010101010101010101010101010101010101010101010101070505050505050a01000101010101010101
01010101010101010101010101010101010101010101010101010303540101010101010101010101010101010101010101010101010101010101016603030303
03030303030303030303030303030303030303030303030303030303030301010101010101010101010101010101010101010101010101010101010101010101
01010101010101010101010101670505050505050505050505050505050505050505050505050505050505050505050501010101010101010101010101010101
01010101010101010101010505050505052201000101010101010101010101010101010101010101010101010101010101010101010101380303640101010101
01010101010101010101010101010101010101010101010303030303030303030303030303030303030303030303030303030303030303030303030101010101
01010101010101010101010101010101010101010101010101010101010101010101010101010101650505050505050505050505050505050505050505050505
05050505050505050505050533010101010101010101010101010101010101010101010101016305050505050505010001010101010101010101010101010101
01010101010101010101010101030620010b0b0b54030320010b0b0b010b0b0b010b0b0b010b0b0b010b0b0b010b0b0b01130303030303030303030303030303
0303030303030303030303030303030303030303030303010101010101010163011e1e1e011e1e1e011e1e1e011e1e1e011e1e1e011e1e1e011e1e1e011e1e1e
011e1e21050505050505050505050505050505050505050505050505050505050505050505050505050101010101010101010101010101010101010101010101
01010105050505050505010001010101010101010101010101010101010101010101010101010101030303030303030303030303030303030303030303030303
030303030303030303030303030303030303030303030303030303030303030303030303030303030303030303030303030303010101010101011b0505050505
05050505050505050505050505050505050505050505050505050505050505050505050505050505050505050505050505050505050505050505050505050505
05050505050101010101010101010101010101010101010101010101010162050505050505053000010101010101010101010101010101010101010101010101
01010101030303030303030303030303030303030303030303030303030303030303030303030303030303030303030303030303030303030303030303030303
03030303030303030303030303030301010101010101050505050505050505050505050505050505050505050505050505050505050505050505050505050505
05050505050505050505050505050505050505050505050505050505050505050501010101010101010101010101010101010101010101010101010505050505
05050100010101010101010101010101010101010101010101010101010101010303030303030303030303030303030303030303030303030303030303030303
0303030303030303030303030303030303030303030303030303030303030303030303030303030303035f010101010101010505050505050505050505050505
05050505050505050505050505050505050505050505050505050505050505050505050505050505050505050505050505050505050505050505050560010101
01010101010101010101010101010101010101010101610505050505050505000101010101010101010101010101010101010101010101010101010103030303
03030303030303030303030303030303030303030303030303030303030303030101010101010101010101010101010101010101010101010101010101010101
01010101010101010101010101010505050505050505050505050505050505050505050505050505050505050505050505050a01010101010101010101010101
01010101010101010101010101010101010101010101010101010101010101010101010101010101010101010101010101010105050505050505050001010101
01010101010101010101010101010101010101010101010103030303030303030303030303030303030303030303030303030303030303030303032001010101
01010101010101010101010101010101010101010101010101010101010101010101010101010101010105050505050505050505050505050505050505050505
050505050505050505050505051e0101010101010101010101010101010101010101010101010101010101010101010101010101010101010101010101010101
01010101010101010101010101015e050505050505050500010101010101010101010101010101010101010101010101010101010b0303030303030303030303
03030303030303030303030303030303030303030303030101010101010101010101010101010101010101010101010101010101010101010101010101010101
01010101010101050505050505050505050505050505050505050505050505050505050505050505050101010101010101010101010101010101010101010101
01010101010101010101010101010101010101010101010101010101010101010101010101010101010101050505050505050500010101010101010101010101
01010101010101010101010101010101410303030303030303030303030303030303030303030303030303030303030303030301010101010101010101010101
010101010101010101010101010101010101010101010101010101010101010101014e0505050505050505050505050505050505050505050505050505050505
05050505050101010101010101010101010101010101010101010101010101010101010101010101010101010101010101010101010101010101010101010101
0101010101011f050505050505050500010101010101010101010101010101010101010101010101010101010103030303030303030303030303030303030303
03030303030303030303030303030303010101010101010101010101010101010101010101010101010101010101010101010101010101010101010101010105
05050505050505050505050505050505050505050505050505050505050505050515010101010101010101010101010101010101010101010101010101010101
01010101010101010101010101010101010101010101010101010101010101010101050505050505050505000101010101010101010101010101010101010101
01010101010101010103030303030303030303030303030303030303030303030303030303030303030303020101010101010101010101010101010101010101
010101010101010101010101010101010101010101010101010101050505050505050505050505050505050505050505050505050505050505050505051c0101
01010101010101010101010101010101010101010101010101010101010101010101010101010101010101010101010101010101010101010101010101010505
05050505050505000101010101010101010101010101010101010101010101010101010101480303030303030303030303030303030303030303030303030303
03030303030303030101010101010101010101010101010101010101010101010101010101010101010101010101010101010101010101100505050505050505
05050505050505050505050505050505050505050505050505050101010101010101010101010101010101010101010101010101010101010101010101010101
01010101010101010101010101010101010101010101010101010505050505050505050001010101010101010101010101010101010101010101010101010101
01010303030303030303030303030303030303030303030303030303030303030303030301010101010101010101010101010101010101010101010101010101
01010101010101010101010101010101010101010505050505050505050505050505050505050505050505050505050505050505050501010101010101010101
01010101010101010101010101010101010101010101010101010101010101010101010101010101010101010101010101010101010905050505050505050500
01010101010101010101010101010101010101010101010101010101010103030303030303030303030303030303030303030303030303030303030303030303
01010101010101010101010101010101010101010101010101010101010101010101010101010101010101010101010105050505050505050505050505050505
05050505050505050505050505050505050501010101010101010101010101010101010101010101010101010101010101010101010101010101010101010101
01010101010101010101010101010101010f05050505050505050500010101010101010101010101010101010101010101010101010101010101030303030303
03030303030303030303030303030303030303030303030303030303200101010101010101010101010101010101010101010101010101010101010101010101
010101010101010101010101050505050505050505050505050505050505050505050505050505050505050505050a0101010101010101010101010101010101
01010101010101010101010101010101010101010101010101010101010101010101010101010101010101010105050505050505050519000101010101010101
01010101010101010101010101010101010101010101030303030303030303030303030303030303030303030303030303030303030303035401010101010101
010101010101010101010101010101010101010101010101010101010101010101010101010101010d0505050505050505050505050505050505050505050505
05050505050505050505050101010101010101010101010101010101010101010101010101010101010101010101010101010101010101010101010101010101
01010101010101010705050505050505050501000101010101010101010101010101010101010101010101010101010101015c03030303030303030303030303
03030303030303030303030303030303030303030301010101010101010101010101010101010101010101010101010101010101010101010101010101010101
010101015d0505050505050505050505050505050505050505050505050505050505050505050501010101010101010101010101010101010101010101010101
01010101010101010101010101010101010101010101010101010101010101010101010105050505050505050505010001010101010101010101010101010101
01010101010101010101010101010103030303030303030303030303030303030303030303030303030303030303030303010101010101010101010101010101
01010101010101010101010101010101010101010101010101010101010101010105050505050505050505050505050505050505050505050505050505050505
05050501010101010101010101010101010101010101010101010101010101010101010101010101010101010101010101010101010101010101010101010121
050505050505050505170100010101010101010101010101010101010101010101010101010101010101010303030303030303030303030303035a0303030303
03030303030303030303030303010101010101010101010101010101010101010101010101010101010101010101010101010101010101010101010101050505
050505050505050505050505050505050505050505050505050505050505050f0101010101010101010101010101010101010101010101010101010101010101
010101010101010101010101010101010101010101010101010101050505050505050505055b0100010101010101010101010101010101010101010101010101
01010101010101200303030303030303030303030303035859030303030303030303030303030303030301010101010101010101010101010101010101010101
01010101010101010101010101010101010101010101010101050505050505050505050505050505050505050505050505050505050505050505050a01010101
01010101010101010101010101010101010101010101010101010101010101010101010101010101010101010101010101010101010101050505050505050505
05010100010101010101010101010101010101010101010101010101010101010101015403030303030303030303030303030303035556030303030303030303
03030303030301010101010101010101010101010101010101010101010101010101010101010101010101010101010101010101015705050505050505050505
05050505050505050505050505050505050505050505050501010101010101010101010101010101010101010101010101010101010101010101010101010101
01010101010101010101010101010101010105050505050505050505050101000101010101010101010101010101010101010101010101010101010101010101
03030303030303030303030303030303030303530103030303030303030303030303010101010101010101010101010101010101010101010101010101010101
01010101010101010101010101010101010105050505050505050505050505050505050505050505050505050505050505050505010101010101010101010101
01010101010101010101010101010101010101010101010101010101010101010101010101010101010101010129050505050505050505050101010001010101
01010101010101010101010101010101010101010101010101010101030303030303030303030303030303030303030350425103030303030303030303030401
01010101010101010101010101010101010101010101010101010101010101010101010101010101010101010101050505050505050505050505050505050505
05050505050505050505050505050505520101010101010101010101010101010101010101010101010101010101010101010101010101010101010101010101
01010101010101012605050505050505050505050101010001010101010101010101010101010101010101010101010101010101010101010303030303030303
03030303030303030303030303034b4c4d0303030303030303032001010101010101010101010101010101010101010101010101010101010101010101010101
01010101010101010101050505050505050505050505050505050505050505050505050505050505050505051b01010101010101010101010101010101010101
01010101010101010101010101010101010101010101010101010101010101010101014e05050505050505050505054f01010100010101010101010101010101
01010101010101010101010101010101010101010303030303030303030303030303030303030303030303034816490303030303030303010101010101010101
01010101010101010101010101010101010101010101010101010101010101010101010101012905050505050505050505050505050505050505050505050505
05050505050505050501010101010101010101010101010101010101010101010101010101010101010101010101010101010101010101010101010101014a05
05050505050505050505050101010100010101010101010101010101010101010101010101010101010101010101010101030303030303030303030303030303
03030303030303030303454601470303030303010101010101010101010101010101010101010101010101010101010101010101010101010101010101010101
01010105050505050505050505050505050505050505050505050505050505050505050505010101010101010101010101010101010101010101010101010101
01010101010101010101010101010101010101010101010101010505050505050505050505050101010101000101010101010101010101010101010101010101
01010101010101010101010101030303030303030303030303030303030303030303030303030303414205430303030101010101010101010101010101010101
01010101010101010101010101010101010101010101010101010101010101050505050505050505050505050505050505050505050505050505050505050505
05010101010101010101010101010101010101010101010101010101010101010101010101010101010101010101010101010101010505050505050505050505
05440101010101000101010101010101010101010101010101010101010101010101010101010101010303030303030303030303030303030303030303030303
0303030303033e3f0540034101010101010101010101010101010101010101010101010101010101010101010101010101010101010101010101010505050505
05050505050505050505050505050505050505050505050505050505052201010101010101010101010101010101010101010101010101010101010101010101
01010101010101010101010101010101050505050505050505050505100101010101010001010101010101010101010101010101010101010101010101010101
010101010113030303030303030303030303030303030303030303030303030303030303033b05053c0101010101010101010101010101010101010101010101
01010101010101010101010101010101010101010101010f05050505050505050505050505050505050505050505050505050505050505050505010101010101
0101010101010101010101010101010101010101010101010101010101010101010101010101010101013d050505050505050505050505170101010101010100
01010101010101010101010101010101010101010101010101010101010101010138030303030303030303030303030303030303030303030303030303030303
03030339050501010101010101010101010101010101010101010101010101010101010101010101010101010101010101010125050505050505050505050505
05050505050505050505050505050505050505050505010101010101010101010101010101010101010101010101010101010101010101010101010101010101
01010101013a05050505050505050505050505010101010101010100010101010101010101010101010101010101010101010101010101010101010101010303
03030303030303030303030303030303030303030303030303030303030303030601100505010101010101010101010101010101010101010101010101010101
01010101010101010101010101010101050505050505050505050505050505050505050505050505050505050505050505053601010101010101010101010101
01010101010101010101010101010101010101010101010101010101010101010505050505050505050505050505370101010101010101000101010101010101
01010101010101010101010101010101010101010101010101010303030303030303030303030303030303030303030303030303030303030303030301010101
01050522010101010101010101010101010101010101010101010101010101010101010101010101010101010505050505050505050505050505050505050505
05050505050505050505050505050101010101010101010101010101010101010101010101010101010101010101010101010101010101010101010505050505
05050505050505050535010101010101010101000101010101010101010101010101010101010101010101010101010101010101010103030303030303030303
0303030303030303030303030303030303030303030303030b010101010131170505050101010101010101010101010101010101010101010101010101010101
01010101010101012605050505050505050505050505050505050505050505050505050505050505050505010101010101010101010101010101010101010101
01010101010101010101010101010101010101013233050505050505050505050505050534010101010101010101010001010101010101010101010101010101
010101010101010101010101010101010101010303030303030303030303030303030303030303030303030303030303030303030301010101010101012f0505
052c0101010101010101010101010101010101010101010101010101010101010101010101050505050505050505050505050505050505050505050505050505
05050505050505010101010101010101010101010101010101010101010101010101010101010101010101010101013005050505050505050505050505050501
010101010101010101010100010101010101010101010101010101010101010101010101010101010101010101012d0303030303030303030303030303030303
030303030303030303030303030303030301010101010101010101012e0505050501010101010101010101010101010101010101010101010101010101010101
01050505050505050505050505050505050505050505050505050505050505050505050101010101010101010101010101010101010101010101010101010101
01010101010101010101050505050505050505050505050505240101010101010101010101010100010101010101010101010101010101010101010101010101
01010101010101010101010303030303030303030303030303030303030303030303030303030303030303030320010101010101010101010101010505050505
2b010101010101010101010101010101010101010101010101010101010505050505050505050505050505050505050505050505050505050505050505050515
01010101010101010101010101010101010101010101010101010101010101010101012c05050505050505050505050505050505010101010101010101010101
01010100010101010101010101010101010101010101010101010101010101010101010101010104030303030303030303030303030303030303030303030303
03030303030303030303010101010101010101010101010101242905050505051201010101010101010101010101010101010101010101010105050505050505
0505050505050505050505050505050505050505050505050505052801010101010101010101010101010101010101010101010101010101010101012a240505
05050505050505050505050505052901010101010101010101010101010101000101010101010101010101010101010101010101010101010101010101010101
0101011303030303030303030303030303030303030303030303030303030303030303030303010101010101010101010101010101010101010505050505050d
0101010101010101010101010101010101010101011e050505050505050505050505050505050505050505050505050505050505050505050101010101010101
01010101010101010101010101010101010101010101011005050505050505050505050505050505052201010101010101010101010101010101010001010101
01010101010101010101010101010101010101010101010101010101010101010303030303030303030303030303030303030303030303030303030303030303
03030101010101010101010101010101010101010101010126050505050505052701010101010101010101010101010101010505050505050505050505050505
05050505050505050505050505050505050505050101010101010101010101010101010101010101010101010101010128050505050505050505050505050505
05050522010101010101010101010101010101010101010001010101010101010101010101010101010101010101010101010101010101010101010103030303
03030303030303030303030303030303030303030303030303030303030301010101010101010101010101010101010101010101010101240505050505050517
22250101010101010101010101010505050505050505050505050505050505050505050505050505050505050505050501010101010101010101010101010101
01010101010101010117050505050505050505050505050505050505050501010101010101010101010101010101010101010100010101010101010101010101
01010101010101010101010101010101010101010101010103030303030303030303030303030303030303030303030303030303030303030303200101010101
010101010101010101010101010101010101010101010d170505050505050505051e090101010101010105050505050505050505050505050505050505050505
050505050505050505050505210101010101010101010101010101010101010122120505050505050505050505050505050505050505051e2301010101010101
01010101010101010101010101010100010101010101010101010101010101010101010101010101010101010101010101010101010303030303030303030303
0303030303030303030303030303030303030303030303010101010101010101010101010101010101010101010101010101010101011b050505050505050505
05051c1d01011e050505050505050505050505050505050505050505050505050505050505050505050101010101010101010101010101010107050505050505
05050505050505050505050505050505051f01010101010101010101010101010101010101010101010101000101010101010101010101010101010101010101
01010101010101010101010101010101180303030303030303030303030303030303030303030303030303030303030303030301010101010101010101010101
01010101010101010101010101010101010101010101190505050505050505050505050505050505050505050505050505050505050505050505050505050505
05050505050101010101010101011a15050505050505050505050505050505050505050505050505050507010101010101010101010101010101010101010101
01010101010101000101010101010101010101010101010101010101010101010101010101010101010101010103030303030303030303030303030303030303
03030303030303030303030303030301010101010101010101010101010101010101010101010101010101010101010101010101010116050505050505050505
05050505050505050505050505050505050505050505050505050505050505050512051017050505050505050505050505050505050505050505050505050505
05050505010101010101010101010101010101010101010101010101010101010101010001010101010101010101010101010101010101010101010101010101
01010101010101010103030303030303030303030303030303030303030303030303030303030303030303130101010101010101010101010101010101010101
01010101010101010101010101010101010101010101140a05050505050505050505050505050505050505050505050505050505050505050505050505050505
05050505050505050505050505050505050505050505050505050505150101010101010101010101010101010101010101010101010101010101010101010100
01010101010101010101010101010101010101010101010101010101010101010101010101130303030303030303030303030303030303030303030303030303
03030303030303030101010101010101010101010101010101010101010101010101010101010101010101010101010101010101010101050505050505050505
05050505050505050505050505050505050505050505050505050505050505050505050505050505050505050505050505050505050101010101010101010101
01010101010101010101010101010101010101010101010101010100010101010101010101010101010101010101010101010101010101010101010101010101
01010303030303030303030303030303030303030303030303030303030303030303030301010101010101010101010101010101010101010101010101010101
01010101010101010101010101010101010101010505050505050505050505050505050505050505050505050505050505050505050505050505050505050505
05050505050505050505051207010101010101010101010101010101010101010101010101010101010101010101010101010101010101000101010101010101
01010101010101010101010101010101010101010101010101010101010103030303030303030303030303030303030303030303030303030303030303030303
01010101010101010101010101010101010101010101010101010101010101010101010101010101010101010101010105050505050505050505050505050505
050505050505050505050505050505050505050505050505050505050505050f1011010101010101010101010101010101010101010101010101010101010101
01010101010101010101010101010101010101000101010101010101010101010101010101010101010101010101010101010101010101010101030303030303
030303030303030303030303030303030303030303030303030303030b0101010101010101010101010101010101010101010101010101010101010101010101
0101010101010101010101010505050505050505050505050505050505050505050505050505050505050505050505050c010d010e0101010101010101010101
01010101010101010101010101010101010101010101010101010101010101010101010101010101010101010101010001010101010101010101010101010101
01010101010101010101010101010101010101010101030303030303030303030303030303030303030303030303030303030303030303030101010101010101
01010101010101010101010101010101010101010101010101010101010101010101010101010101010505050505050505050505050505050505050505050505
05050505050505050505050505010101010101010101010101010101010101010101010101010101010101010101010101010101010101010101010101010101
01010101010101010101010001010101010101010101010101010101010101010101010101010101010101010101010101010403030303030303030303030303
03030303030303030303030303030303030303030301010101010101010101010101010101010101010101010101010101010101010101010101010101010101
01010101080505050505050505050505050505050505050505050505050505050505050505050505050a01010101010101010101010101010101010101010101
01010101010101010101010101010101010101010101010101010101010101010101010101010100010101010101010101010101010101010101010101010101
01010101010101010101010101010103030303030303030303030303030303030303030303030303030303030303030303010101010101010101010101010101
01010101010101010101010101010101010101010101010101010101010101010105050505050505050505050505050505050505050505050505050505050505
05050505050505010101010101010101010101010101010101010101010101010101010101010101010101010101010101010101010101010101010101010101
01010100010101010101010101010101010101010101010101010101010101010101010101010101010101030303030303030303030303030303030303030303
03030303030303030303030303010101010101010101010101010101010101010101010101010101010101010101010101010101010101010101010101050505
05050505050505050505050505050505050505050505050505050505050505050505050509010101010101010101010101010101010101010101010101010101
01010101010101010101010101010101010101010101010101010101010101000101010101010101010101010101010101010101010101010101010101010101
01010101010101020303030303030303030303030303030303030303030303030303030303030303030301010101010101010101010101010101010101010101
01010101010101010101010101010101010101010101010101050505050505050505050505050505050505050505050505050505050505050505050505050505
05050801010101010101010101010101010101010101010101010101010101010101010101010101010101010101010101010101010101010101010001010101
01010101010101010101010101010101010101010101010101010101010101010101010203030303030303030303030303030303030303030303030303030303
03030303030301010101010101010101010101010101010101010101010101010101010101010101010101010101010101010101010105050505050505050505
05050505050505050505050505050505050505050505050505050505050505050701010101010101010101010101010101010101010101010101010101010101
01010101010101010101010101010101010101010101010001010101010101010101010101010101010101010101010101010101010101010101010101010101
03030303030303030303030303030303030303030303030303030303030303030306010101010101010101010101010101010101010101010101010101010101
01010101010101010101010101010101010107050505050505050505050505050505050505050505050505050505050505050505050505050505050505050505
01010101010101010101010101010101010101010101010101010101010101010101010101010101010101010101010101010100010101010101010101010101
01010101010101010101010101010101010101010101010101010101010203030303030303030303030303030303030303030303030303030303030304010101
01010101010101010101010101010101010101010101010101010101010101010101010101010101010101010101010105050505050505050505050505050505
05050505050505050505050505050505050505050505050505050505050101010101010101010101010101010101010101010101010101010101010101010101010101010101010101010101010101000800000026060f000600544e50500701040000002701ffff030000000000}\par}}}{\rtlch\fcs1 \af31507 
\ltrch\fcs0 \insrsid15143971 
\par 
\par }{\rtlch\fcs1 \af31507 \ltrch\fcs0 \insrsid9271418 
\par }{\rtlch\fcs1 \af31507 \ltrch\fcs0 \insrsid15292429 
\par }\pard \ltrpar\qc \li0\ri0\widctlpar\wrapdefault\aspalpha\aspnum\faauto\adjustright\rin0\lin0\itap0\pararsid3026969 {\rtlch\fcs1 \ab\ai\af1\afs32 \ltrch\fcs0 \b\i\f1\fs32\insrsid4919880\charrsid2232957 BADAN PUSAT STATISTIK
\par }{\rtlch\fcs1 \ab\ai\af1\afs32 \ltrch\fcs0 \b\i\f1\fs32\insrsid15756138 KABUPATEN PRINGSEWU}{\rtlch\fcs1 \ab\ai\af1\afs32 \ltrch\fcs0 \b\i\f1\fs32\insrsid4919880\charrsid2232957 
\par }\pard \ltrpar\ql \li0\ri0\widctlpar\wrapdefault\aspalpha\aspnum\faauto\adjustright\rin0\lin0\itap0\pararsid3026969 {\rtlch\fcs1 \af31507 \ltrch\fcs0 \insrsid15292429 
\par }\pard \ltrpar\qc \li0\ri0\widctlpar\tx1134\wrapdefault\aspalpha\aspnum\faauto\adjustright\rin0\lin0\itap0\pararsid3026969 {\rtlch\fcs1 \af31507 \ltrch\fcs0 \insrsid9271628 
\par }{\rtlch\fcs1 \af1\afs24 \ltrch\fcs0 \f44\fs24\insrsid4919880\charrsid9271628 SURAT TUGAS}{\rtlch\fcs1 \af1\afs24 \ltrch\fcs0 \f44\fs24\insrsid15292429\charrsid9271628 
\par }{\rtlch\fcs1 \af1\afs24 \ltrch\fcs0 \f44\fs24\insrsid1271518\charrsid9271628 NOMOR }{\rtlch\fcs1 \af1\afs24 \ltrch\fcs0 \f44\fs24\insrsid2579162 B-004/18102/KP.010/2024}{\field{\*\fldinst {\rtlch\fcs1 \af1\afs24 \ltrch\fcs0 \f44\fs24\insrsid2962833 
 MERGEFIELD Tambahan_Nomor }}{\fldrslt }}\sectd \ltrsect\psz9\linex0\headery709\footery709\colsx708\endnhere\sectlinegrid360\sectdefaultcl\sectrsid14315762\sftnbj {\rtlch\fcs1 \af1\afs24 \ltrch\fcs0 \f44\fs24\insrsid1271518\charrsid9271628 
\par }{\rtlch\fcs1 \af1 \ltrch\fcs0 \f44\insrsid1271518\charrsid9271628 
\par }\pard \ltrpar\qj \li0\ri0\widctlpar\tx284\wrapdefault\aspalpha\aspnum\faauto\adjustright\rin0\lin0\itap0\pararsid3026969 {\rtlch\fcs1 \af1 \ltrch\fcs0 \f44\insrsid4801409\charrsid9271628 
\par }\pard \ltrpar\qj \fi-1695\li1695\ri0\sl360\slmult1\widctlpar\tx284\tx1701\wrapdefault\aspalpha\aspnum\faauto\adjustright\rin0\lin1695\itap0\pararsid10227345 {\rtlch\fcs1 \af1 \ltrch\fcs0 \f44\insrsid4919880\charrsid9271628 Menimbang }{\rtlch\fcs1 \af1 
\ltrch\fcs0 \f44\insrsid6240755\charrsid9271628 \tab }{\rtlch\fcs1 \af1 \ltrch\fcs0 \f44\insrsid10616965 \tab }{\rtlch\fcs1 \af1 \ltrch\fcs0 \f44\insrsid6240755\charrsid9271628 :}{\rtlch\fcs1 \af1 \ltrch\fcs0 \f44\insrsid9271628  }{\rtlch\fcs1 \af1 
\ltrch\fcs0 \f44\insrsid14315762\charrsid9271628 bahwa }{\rtlch\fcs1 \af1 \ltrch\fcs0 \f44\insrsid14315762 dalam rangka }{\rtlch\fcs1 \af1 \ltrch\fcs0 \f44\lang1024\langfe1024\noproof\insrsid2249998 p}{\rtlch\fcs1 \af1 \ltrch\fcs0 
\f44\lang1024\langfe1024\noproof\insrsid14315762\charrsid8606778 elaksanaan }{\rtlch\fcs1 \af1 \ltrch\fcs0 \f44\lang1024\langfe1024\noproof\insrsid2249998 k}{\rtlch\fcs1 \af1 \ltrch\fcs0 \f44\lang1024\langfe1024\noproof\insrsid14315762\charrsid8606778 
egiatan }{\rtlch\fcs1 \af1 \ltrch\fcs0 \f44\lang1024\langfe1024\noproof\insrsid2579162 #}{\rtlch\fcs1 \af1 \ltrch\fcs0 \f44\insrsid2579162 Nama_}{\rtlch\fcs1 \af1 \ltrch\fcs0 \f44\lang1024\langfe1024\noproof\insrsid2579162 Kegiatan}{\field{\*\fldinst {
\rtlch\fcs1 \af1 \ltrch\fcs0 \f44\lang1024\langfe1024\noproof\insrsid13979491  MERGEFIELD Nama_Kegiatan___________________________ }}{\fldrslt }}\sectd \ltrsect
\psz9\linex0\headery709\footery709\colsx708\endnhere\sectlinegrid360\sectdefaultcl\sectrsid14315762\sftnbj {\rtlch\fcs1 \af1 \ltrch\fcs0 \f44\lang1024\langfe1024\noproof\insrsid2962833  }{\rtlch\fcs1 \af1 \ltrch\fcs0 
\f44\lang1024\langfe1024\noproof\insrsid14315762\charrsid8606778 Badan Pusat Statistik Kabupaten Pringsewu Tahun Anggaran 2024}{\rtlch\fcs1 \af1 \ltrch\fcs0 \f44\insrsid14315762 , menugaskan petugas }{\rtlch\fcs1 \af1 \ltrch\fcs0 \f44\insrsid14288963 
pencacah/pemeriksa}{\rtlch\fcs1 \af1 \ltrch\fcs0 \f44\insrsid10616965 ;}{\rtlch\fcs1 \af1 \ltrch\fcs0 \f44\insrsid6240755\charrsid9271628 
\par \ltrrow}\trowd \irow0\irowband0\ltrrow\ts22\trgaph108\trleft-5\trftsWidth3\trwWidth9810\trftsWidthB3\trautofit1\trpaddl108\trpaddr108\trpaddfl3\trpaddft3\trpaddfb3\trpaddfr3\tblrsid7344685\tbllkhdrrows\tbllkhdrcols\tbllknocolband\tblind-5\tblindtype3 
\clvertalt\clbrdrt\brdrtbl \clbrdrl\brdrtbl \clbrdrb\brdrtbl \clbrdrr\brdrtbl \cltxlrtb\clftsWidth3\clwWidth1620\clshdrawnil \cellx1615\clvertalt\clbrdrt\brdrtbl \clbrdrl\brdrtbl \clbrdrb\brdrtbl \clbrdrr\brdrtbl 
\cltxlrtb\clftsWidth3\clwWidth360\clshdrawnil \cellx1975\clvertalt\clbrdrt\brdrtbl \clbrdrl\brdrtbl \clbrdrb\brdrtbl \clbrdrr\brdrtbl \cltxlrtb\clftsWidth3\clwWidth423\clshdrawnil \cellx2398\clvertalt\clbrdrt\brdrtbl \clbrdrl\brdrtbl \clbrdrb\brdrtbl 
\clbrdrr\brdrtbl \cltxlrtb\clftsWidth3\clwWidth7407\clshdrawnil \cellx9805\pard\plain \ltrpar\qj \li0\ri0\sl360\slmult1\widctlpar\intbl\tx284\tx1701\wrapdefault\aspalpha\aspnum\faauto\adjustright\rin0\lin0\pararsid14234220\yts22 \rtlch\fcs1 
\af31507\afs22\alang1025 \ltrch\fcs0 \f31506\fs22\lang1033\langfe1033\kerning2\cgrid\langnp1033\langfenp1033 {\rtlch\fcs1 \af1 \ltrch\fcs0 \f44\insrsid7344685 Mengingat\cell :\cell 1.\cell Undang-Undang Nomor 16 Tahun 1997 tentang Statistik;\cell 
}\pard\plain \ltrpar\ql \li0\ri0\sa160\sl259\slmult1\widctlpar\intbl\wrapdefault\aspalpha\aspnum\faauto\adjustright\rin0\lin0 \rtlch\fcs1 \af31507\afs22\alang1025 \ltrch\fcs0 \f31506\fs22\lang1033\langfe1033\kerning2\cgrid\langnp1033\langfenp1033 {
\rtlch\fcs1 \af31507 \ltrch\fcs0 \insrsid7344685 \trowd \irow0\irowband0\ltrrow
\ts22\trgaph108\trleft-5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615\clvertalt\clbrdrt\brdrtbl \clbrdrl\brdrtbl \clbrdrb\brdrtbl \clbrdrr\brdrtbl \cltxlrtb\clftsWidth3\clwWidth360\clshdrawnil \cellx1975\clvertalt\clbrdrt
\brdrtbl \clbrdrl\brdrtbl \clbrdrb\brdrtbl \clbrdrr\brdrtbl \cltxlrtb\clftsWidth3\clwWidth423\clshdrawnil \cellx2398\clvertalt\clbrdrt\brdrtbl \clbrdrl\brdrtbl \clbrdrb\brdrtbl \clbrdrr\brdrtbl \cltxlrtb\clftsWidth3\clwWidth7407\clshdrawnil \cellx9805
\row \ltrrow}\pard\plain \ltrpar\qj \li0\ri0\sl360\slmult1\widctlpar\intbl\tx284\tx1701\wrapdefault\aspalpha\aspnum\faauto\adjustright\rin0\lin0\pararsid14234220\yts22 \rtlch\fcs1 \af31507\afs22\alang1025 \ltrch\fcs0 
\f31506\fs22\lang1033\langfe1033\kerning2\cgrid\langnp1033\langfenp1033 {\rtlch\fcs1 \af1 \ltrch\fcs0 \f44\insrsid7344685 \cell \cell 2.\cell Peraturan Pemerintah Nomor 51 Tahun 1999 tentang Penyelenggaraan Statistik;\cell }\pard\plain \ltrpar
\ql \li0\ri0\sa160\sl259\slmult1\widctlpar\intbl\wrapdefault\aspalpha\aspnum\faauto\adjustright\rin0\lin0 \rtlch\fcs1 \af31507\afs22\alang1025 \ltrch\fcs0 \f31506\fs22\lang1033\langfe1033\kerning2\cgrid\langnp1033\langfenp1033 {\rtlch\fcs1 \af31507 
\ltrch\fcs0 \insrsid7344685 \trowd \irow1\irowband1\ltrrow
\ts22\trgaph108\trleft-5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615\clvertalt\clbrdrt\brdrtbl \clbrdrl\brdrtbl \clbrdrb\brdrtbl \clbrdrr\brdrtbl \cltxlrtb\clftsWidth3\clwWidth360\clshdrawnil \cellx1975\clvertalt\clbrdrt
\brdrtbl \clbrdrl\brdrtbl \clbrdrb\brdrtbl \clbrdrr\brdrtbl \cltxlrtb\clftsWidth3\clwWidth423\clshdrawnil \cellx2398\clvertalt\clbrdrt\brdrtbl \clbrdrl\brdrtbl \clbrdrb\brdrtbl \clbrdrr\brdrtbl \cltxlrtb\clftsWidth3\clwWidth7407\clshdrawnil \cellx9805
\row \ltrrow}\pard\plain \ltrpar\qj \li0\ri0\sl360\slmult1\widctlpar\intbl\tx284\tx1701\wrapdefault\aspalpha\aspnum\faauto\adjustright\rin0\lin0\pararsid14234220\yts22 \rtlch\fcs1 \af31507\afs22\alang1025 \ltrch\fcs0 
\f31506\fs22\lang1033\langfe1033\kerning2\cgrid\langnp1033\langfenp1033 {\rtlch\fcs1 \af1 \ltrch\fcs0 \f44\insrsid7344685 \cell \cell 3.\cell Peraturan Presiden }{\rtlch\fcs1 \af1 \ltrch\fcs0 \f44\insrsid7344685\charrsid4725079 
Nomor 86 Tahun 2007 tentang Badan Pusat Statisti}{\rtlch\fcs1 \af1 \ltrch\fcs0 \f44\insrsid7344685 k;\cell }\pard\plain \ltrpar\ql \li0\ri0\sa160\sl259\slmult1\widctlpar\intbl\wrapdefault\aspalpha\aspnum\faauto\adjustright\rin0\lin0 \rtlch\fcs1 
\af31507\afs22\alang1025 \ltrch\fcs0 \f31506\fs22\lang1033\langfe1033\kerning2\cgrid\langnp1033\langfenp1033 {\rtlch\fcs1 \af31507 \ltrch\fcs0 \insrsid7344685 \trowd \irow2\irowband2\ltrrow
\ts22\trgaph108\trleft-5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615\clvertalt\clbrdrt\brdrtbl \clbrdrl\brdrtbl \clbrdrb\brdrtbl \clbrdrr\brdrtbl \cltxlrtb\clftsWidth3\clwWidth360\clshdrawnil \cellx1975\clvertalt\clbrdrt
\brdrtbl \clbrdrl\brdrtbl \clbrdrb\brdrtbl \clbrdrr\brdrtbl \cltxlrtb\clftsWidth3\clwWidth423\clshdrawnil \cellx2398\clvertalt\clbrdrt\brdrtbl \clbrdrl\brdrtbl \clbrdrb\brdrtbl \clbrdrr\brdrtbl \cltxlrtb\clftsWidth3\clwWidth7407\clshdrawnil \cellx9805
\row \ltrrow}\pard\plain \ltrpar\qj \li0\ri0\sl360\slmult1\widctlpar\intbl\tx284\tx1701\wrapdefault\aspalpha\aspnum\faauto\adjustright\rin0\lin0\pararsid14234220\yts22 \rtlch\fcs1 \af31507\afs22\alang1025 \ltrch\fcs0 
\f31506\fs22\lang1033\langfe1033\kerning2\cgrid\langnp1033\langfenp1033 {\rtlch\fcs1 \af1 \ltrch\fcs0 \f44\insrsid7344685 \cell }{\rtlch\fcs1 \af1 \ltrch\fcs0 \f44\insrsid7344685\charrsid4725079 \cell }{\rtlch\fcs1 \af1 \ltrch\fcs0 \f44\insrsid7344685 4.}
{\rtlch\fcs1 \af1 \ltrch\fcs0 \f44\insrsid7344685\charrsid4725079 \cell Peraturan Badan Pusat Statistik Nomor 5 Tahun 2019 tentang Tata Naskah}{\rtlch\fcs1 \af1 \ltrch\fcs0 \f44\insrsid7344685  }{\rtlch\fcs1 \af1 \ltrch\fcs0 
\f44\insrsid7344685\charrsid4725079 Dinas di Lingkungan Badan Pusat Statistik;}{\rtlch\fcs1 \af1 \ltrch\fcs0 \f44\insrsid7344685 \cell }\pard\plain \ltrpar\ql \li0\ri0\sa160\sl259\slmult1
\widctlpar\intbl\wrapdefault\aspalpha\aspnum\faauto\adjustright\rin0\lin0 \rtlch\fcs1 \af31507\afs22\alang1025 \ltrch\fcs0 \f31506\fs22\lang1033\langfe1033\kerning2\cgrid\langnp1033\langfenp1033 {\rtlch\fcs1 \af31507 \ltrch\fcs0 \insrsid7344685 
\trowd \irow3\irowband3\ltrrow\ts22\trgaph108\trleft-5\trftsWidth3\trwWidth9810\trftsWidthB3\trautofit1\trpaddl108\trpaddr108\trpaddfl3\trpaddft3\trpaddfb3\trpaddfr3\tblrsid7344685\tbllkhdrrows\tbllkhdrcols\tbllknocolband\tblind-5\tblindtype3 \clvertalt
\clbrdrt\brdrtbl \clbrdrl\brdrtbl \clbrdrb\brdrtbl \clbrdrr\brdrtbl \cltxlrtb\clftsWidth3\clwWidth1620\clshdrawnil \cellx1615\clvertalt\clbrdrt\brdrtbl \clbrdrl\brdrtbl \clbrdrb\brdrtbl \clbrdrr\brdrtbl \cltxlrtb\clftsWidth3\clwWidth360\clshdrawnil 
\cellx1975\clvertalt\clbrdrt\brdrtbl \clbrdrl\brdrtbl \clbrdrb\brdrtbl \clbrdrr\brdrtbl \cltxlrtb\clftsWidth3\clwWidth423\clshdrawnil \cellx2398\clvertalt\clbrdrt\brdrtbl \clbrdrl\brdrtbl \clbrdrb\brdrtbl \clbrdrr\brdrtbl 
\cltxlrtb\clftsWidth3\clwWidth7407\clshdrawnil \cellx9805\row \ltrrow}\pard\plain \ltrpar\qj \li0\ri0\sl360\slmult1\widctlpar\intbl\tx284\tx1701\wrapdefault\aspalpha\aspnum\faauto\adjustright\rin0\lin0\pararsid14234220\yts22 \rtlch\fcs1 
\af31507\afs22\alang1025 \ltrch\fcs0 \f31506\fs22\lang1033\langfe1033\kerning2\cgrid\langnp1033\langfenp1033 {\rtlch\fcs1 \af1 \ltrch\fcs0 \f44\insrsid7344685 \cell }{\rtlch\fcs1 \af1 \ltrch\fcs0 \f44\insrsid7344685\charrsid4725079 \cell }{\rtlch\fcs1 
\af1 \ltrch\fcs0 \f44\insrsid7344685 5.}{\rtlch\fcs1 \af1 \ltrch\fcs0 \f44\insrsid7344685\charrsid4725079 \cell Peraturan Badan Pusat Statistik Nomor 5 Tahun 2023 tentang Organisasi}{\rtlch\fcs1 \af1 \ltrch\fcs0 \f44\insrsid7344685  }{\rtlch\fcs1 \af1 
\ltrch\fcs0 \f44\insrsid7344685\charrsid4725079 dan Tata Kerja Badan Pusat Statistik Provinsi dan Badan Pusat Statistik}{\rtlch\fcs1 \af1 \ltrch\fcs0 \f44\insrsid7344685  }{\rtlch\fcs1 \af1 \ltrch\fcs0 \f44\insrsid7344685\charrsid4725079 Kabupaten/Kota;}{
\rtlch\fcs1 \af1 \ltrch\fcs0 \f44\insrsid7344685 \cell }\pard\plain \ltrpar\ql \li0\ri0\sa160\sl259\slmult1\widctlpar\intbl\wrapdefault\aspalpha\aspnum\faauto\adjustright\rin0\lin0 \rtlch\fcs1 \af31507\afs22\alang1025 \ltrch\fcs0 
\f31506\fs22\lang1033\langfe1033\kerning2\cgrid\langnp1033\langfenp1033 {\rtlch\fcs1 \af31507 \ltrch\fcs0 \insrsid7344685 \trowd \irow4\irowband4\lastrow \ltrrow
\ts22\trgaph108\trleft-5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615\clvertalt\clbrdrt\brdrtbl \clbrdrl\brdrtbl \clbrdrb\brdrtbl \clbrdrr\brdrtbl \cltxlrtb\clftsWidth3\clwWidth360\clshdrawnil \cellx1975\clvertalt\clbrdrt
\brdrtbl \clbrdrl\brdrtbl \clbrdrb\brdrtbl \clbrdrr\brdrtbl \cltxlrtb\clftsWidth3\clwWidth423\clshdrawnil \cellx2398\clvertalt\clbrdrt\brdrtbl \clbrdrl\brdrtbl \clbrdrb\brdrtbl \clbrdrr\brdrtbl \cltxlrtb\clftsWidth3\clwWidth7407\clshdrawnil \cellx9805
\row }\pard \ltrpar\qj \li0\ri0\sl360\slmult1\widctlpar\tx284\tx1701\wrapdefault\aspalpha\aspnum\faauto\adjustright\rin0\lin0\itap0\pararsid7344685 {\rtlch\fcs1 \af1 \ltrch\fcs0 \f44\insrsid7344685 
\par }\pard \ltrpar\qc \li0\ri0\widctlpar\tx284\tx1701\wrapdefault\aspalpha\aspnum\faauto\adjustright\rin0\lin0\itap0\pararsid3026969 {\rtlch\fcs1 \af1 \ltrch\fcs0 \f44\insrsid4725079 Memberi Tugas}{\rtlch\fcs1 \af1 \ltrch\fcs0 \f44\insrsid6240755 
\par }\pard \ltrpar\qj \li0\ri0\widctlpar\tx284\tx1701\wrapdefault\aspalpha\aspnum\faauto\adjustright\rin0\lin0\itap0\pararsid3026969 {\rtlch\fcs1 \af1 \ltrch\fcs0 \f44\insrsid4725079\charrsid9271628 
\par }{\rtlch\fcs1 \af1 \ltrch\fcs0 \f44\insrsid4919880\charrsid9271628 Kepada }{\rtlch\fcs1 \af1 \ltrch\fcs0 \f44\insrsid6240755\charrsid9271628 \tab : }{\rtlch\fcs1 \af1 \ltrch\fcs0 \f44\insrsid2579162 Sela Anisada}{\field{\*\fldinst {\rtlch\fcs1 \af37 
\ltrch\fcs0 \f44\lang1024\langfe1024\noproof\insrsid2962833  MERGEFIELD Nama_Petugas____________________________ }}{\fldrslt }}\sectd \ltrsect\psz9\linex0\headery709\footery709\colsx708\endnhere\sectlinegrid360\sectdefaultcl\sectrsid14315762\sftnbj {
\rtlch\fcs1 \af1 \ltrch\fcs0 \f44\insrsid6240755\charrsid9271628 
\par 
\par }\pard \ltrpar\qj \fi-1695\li1695\ri0\widctlpar\tx284\tx1701\wrapdefault\aspalpha\aspnum\faauto\adjustright\rin0\lin1695\itap0\pararsid3026969 {\rtlch\fcs1 \af1 \ltrch\fcs0 \f44\insrsid4919880\charrsid9271628 Untuk}{\rtlch\fcs1 \af1 \ltrch\fcs0 
\f44\insrsid6240755\charrsid9271628 \tab : }{\rtlch\fcs1 \af1 \ltrch\fcs0 \f44\insrsid4725079 Menjadi}{\rtlch\fcs1 \af1 \ltrch\fcs0 \f44\insrsid2249998  petugas}{\rtlch\fcs1 \af1 \ltrch\fcs0 \f44\insrsid8007777  }{\field{\*\fldinst {\rtlch\fcs1 \af1 
\ltrch\fcs0 \f44\insrsid2962833  MERGEFIELD Bertugas_sebagai_______________________ }}{\fldrslt }}\sectd \ltrsect\psz9\linex0\headery709\footery709\colsx708\endnhere\sectlinegrid360\sectdefaultcl\sectrsid14315762\sftnbj {\rtlch\fcs1 \af1 \ltrch\fcs0 
\f44\insrsid2579162 Peserta }{\rtlch\fcs1 \af1 \ltrch\fcs0 \f44\lang1024\langfe1024\noproof\insrsid2579162 #}{\rtlch\fcs1 \af1 \ltrch\fcs0 \f44\insrsid2579162 Nama_}{\rtlch\fcs1 \af1 \ltrch\fcs0 \f44\lang1024\langfe1024\noproof\insrsid2579162 Kegiatan}{
\rtlch\fcs1 \af1 \ltrch\fcs0 \f44\insrsid2579162  }{\field{\*\fldinst {\rtlch\fcs1 \af1 \ltrch\fcs0 \f44\insrsid2249998  MERGEFIELD Nama_Kegiatan___________________________ }}{\fldrslt }}\sectd \ltrsect
\psz9\linex0\headery709\footery709\colsx708\endnhere\sectlinegrid360\sectdefaultcl\sectrsid14315762\sftnbj {\rtlch\fcs1 \af1 \ltrch\fcs0 \f44\insrsid6240755 
\par }{\rtlch\fcs1 \af1 \ltrch\fcs0 \f44\insrsid14315762\charrsid9271628 
\par }\pard \ltrpar\qj \li0\ri0\widctlpar\tx284\tx1710\wrapdefault\aspalpha\aspnum\faauto\adjustright\rin0\lin0\itap0\pararsid14315762 {\rtlch\fcs1 \af1 \ltrch\fcs0 \f44\insrsid14315762 Waktu\tab : }{\rtlch\fcs1 \af1 \ltrch\fcs0 \f44\insrsid2579162 
2024-07-17 - 2024-07-19}{\field{\*\fldinst {\rtlch\fcs1 \af1 \ltrch\fcs0 \f44\insrsid2962833  MERGEFIELD Periode_Kegiatan_Harus_sesuai_dengan_sh }}{\fldrslt }}\sectd \ltrsect
\psz9\linex0\headery709\footery709\colsx708\endnhere\sectlinegrid360\sectdefaultcl\sectrsid14315762\sftnbj {\rtlch\fcs1 \af1 \ltrch\fcs0 \f44\insrsid4919880\charrsid9271628 
\par }\pard \ltrpar\qj \li0\ri0\widctlpar\tx284\wrapdefault\aspalpha\aspnum\faauto\adjustright\rin0\lin0\itap0\pararsid3026969 {\rtlch\fcs1 \af1 \ltrch\fcs0 \f44\insrsid4919880 
\par }{\rtlch\fcs1 \af1 \ltrch\fcs0 \f44\insrsid9271628 
\par }{\rtlch\fcs1 \af1 \ltrch\fcs0 \f44\insrsid14315762 
\par }\pard \ltrpar\qj \li0\ri0\widctlpar\tx284\tx5670\wrapdefault\aspalpha\aspnum\faauto\adjustright\rin0\lin0\itap0\pararsid3026969 {\rtlch\fcs1 \af1 \ltrch\fcs0 \f44\insrsid4725079 \tab \tab }{\rtlch\fcs1 \af1 \ltrch\fcs0 \f44\insrsid2040263 Pringsewu, }{
\rtlch\fcs1 \af1 \ltrch\fcs0 \f44\insrsid2579162 2024-07-15}{\rtlch\fcs1 \af1 \ltrch\fcs0 \f44\insrsid8007777 
\par }\pard \ltrpar\ql \li0\ri0\widctlpar\tx284\tx5670\wrapdefault\aspalpha\aspnum\faauto\adjustright\rin0\lin0\itap0\pararsid3026969 {\rtlch\fcs1 \af1 \ltrch\fcs0 \f44\insrsid4725079 \tab \tab }{\rtlch\fcs1 \af1 \ltrch\fcs0 \f44\insrsid2040263 
Kepala BPS Kabupaten Pringsewu}{\rtlch\fcs1 \af1 \ltrch\fcs0 \f44\insrsid4801409\charrsid9271628 
\par }\pard \ltrpar\ql \fi5812\li0\ri0\widctlpar\tx284\tx6237\wrapdefault\aspalpha\aspnum\faauto\adjustright\rin0\lin0\itap0\pararsid3026969 {\rtlch\fcs1 \af1 \ltrch\fcs0 \f44\insrsid4801409\charrsid9271628 
\par }{\rtlch\fcs1 \af1 \ltrch\fcs0 \f44\insrsid4919880 
\par }{\rtlch\fcs1 \af1 \ltrch\fcs0 \f44\insrsid2040263 
\par }{\rtlch\fcs1 \af1 \ltrch\fcs0 \f44\insrsid2040263\charrsid9271628 
\par }\pard \ltrpar\ql \li0\ri0\widctlpar\tx284\tx5670\wrapdefault\aspalpha\aspnum\faauto\adjustright\rin0\lin0\itap0\pararsid16007901 {\rtlch\fcs1 \af1 \ltrch\fcs0 \f44\insrsid4725079 \tab \tab }{\rtlch\fcs1 \af1 \ltrch\fcs0 \f44\insrsid2040263 
Eko Purnomo, SST., MM}{\rtlch\fcs1 \af1 \ltrch\fcs0 \f44\insrsid14234220\charrsid14234220 
\par }{\*\themedata 504b030414000600080000002100e9de0fbfff0000001c020000130000005b436f6e74656e745f54797065735d2e786d6cac91cb4ec3301045f748fc83e52d4a
9cb2400825e982c78ec7a27cc0c8992416c9d8b2a755fbf74cd25442a820166c2cd933f79e3be372bd1f07b5c3989ca74aaff2422b24eb1b475da5df374fd9ad
5689811a183c61a50f98f4babebc2837878049899a52a57be670674cb23d8e90721f90a4d2fa3802cb35762680fd800ecd7551dc18eb899138e3c943d7e503b6
b01d583deee5f99824e290b4ba3f364eac4a430883b3c092d4eca8f946c916422ecab927f52ea42b89a1cd59c254f919b0e85e6535d135a8de20f20b8c12c3b0
0c895fcf6720192de6bf3b9e89ecdbd6596cbcdd8eb28e7c365ecc4ec1ff1460f53fe813d3cc7f5b7f020000ffff0300504b030414000600080000002100a5d6
a7e7c0000000360100000b0000005f72656c732f2e72656c73848fcf6ac3300c87ef85bd83d17d51d2c31825762fa590432fa37d00e1287f68221bdb1bebdb4f
c7060abb0884a4eff7a93dfeae8bf9e194e720169aaa06c3e2433fcb68e1763dbf7f82c985a4a725085b787086a37bdbb55fbc50d1a33ccd311ba548b6309512
0f88d94fbc52ae4264d1c910d24a45db3462247fa791715fd71f989e19e0364cd3f51652d73760ae8fa8c9ffb3c330cc9e4fc17faf2ce545046e37944c69e462
a1a82fe353bd90a865aad41ed0b5b8f9d6fd010000ffff0300504b0304140006000800000021006b799616830000008a0000001c0000007468656d652f746865
6d652f7468656d654d616e616765722e786d6c0ccc4d0ac3201040e17da17790d93763bb284562b2cbaebbf600439c1a41c7a0d29fdbd7e5e38337cedf14d59b
4b0d592c9c070d8a65cd2e88b7f07c2ca71ba8da481cc52c6ce1c715e6e97818c9b48d13df49c873517d23d59085adb5dd20d6b52bd521ef2cdd5eb9246a3d8b
4757e8d3f729e245eb2b260a0238fd010000ffff0300504b030414000600080000002100663abc14c80600008f1a0000160000007468656d652f7468656d652f
7468656d65312e786d6cec595b8bdb46147e2ff43f08bd3bbe49be2cf1065bb69336bb49889d943cceda636bb2238dd18c776342a0244f7d2914d2d28706fad6
87521a68a0a12ffd310b1bdaf447f4cc489667ec71f6420aa1640d8b34face996fce39face48ba7aed51449d239c70c2e2965bbe52721d1c8fd898c4d3967b6f
d82f345c870b148f1165316eb90bccdd6bbb9f7e7215ed881047d801fb98efa0961b0a31db2916f9088611bfc26638866b13964448c069322d8e13740c7e235a
ac944ab5628448ec3a318ac0ededc9848cb033942edddda5f31e85d358703930a2c940bac68685c28e0fcb12c1173ca089738468cb8579c6ec78881f09d7a188
0bb8d0724beacf2dee5e2da29dcc888a2db69a5d5ffd657699c1f8b0a2e64ca607f9a49ee77bb576ee5f01a8d8c4f5eabd5aaf96fb5300341ac14a532ea6cf7a
25f032ac064a0f2dbebbf56eb56ce035ffd50dce6d5ffe0cbc02a5febd0d7cbf1f40140dbc02a5787f03ef779a9daee95f81527c6d035f2fb5bb5eddf0af4021
25f1e106bae4d7aac172b53964c2e80d2bbce97bfd7a2573be424135e4d525a798b0586cabb5083d64491f0012489120b12316333c4123a8e20051729010678f
4c4328bc198a1987e152a5d42f55e1bffc79ea486514ed60a4594b5ec0846f0c493e0e1f2564265aeee7e0d5d520a7af5f9f3c7d75f2f4f79367cf4e9efe9acd
ad5c197637503cd5eddefef4cd3f2fbe74fefeedc7b7cfbf4da75ec7731dffe697afdefcf1e7bbdcc38a57a138fdeee59b572f4fbffffaaf9f9f5bbcb71374a0
c38724c2dcb9858f9dbb2c82055af8e383e46216c31011dda21d4f398a919cc5e2bf2742037d6b8128b2e03ad88ce3fd04a4c606bc3e7f68101e84c95c108bc7
9b616400f719a31d9658a37053cea58579388fa7f6c993b98ebb8bd0916dee00c546967bf319682cb1b90c426cd0bc43512cd014c75838f21a3bc4d8b2ba0784
1871dd27a384713611ce03e27410b18664480e8c6a5a19dd2011e465612308f93662b37fdfe9306a5b75171f9948b83710b5901f626a84f13a9a0b14d95c0e51
44f580ef2111da480e16c948c7f5b8804c4f31654e6f8c39b7d9dc4e60bd5ad26f82ccd8d3be4f1791894c0439b4f9dc438ce9c82e3b0c4214cd6cd80189431d
fb193f841245ce1d266cf07d66de21f21cf280e2ade9be4fb091eeb3d5e01e28ac4e695520f2ca3cb1e4f23a6646fd0e167482b0921a680086ae47243e53e4d7
e4ddffefe41d44f4f487179615bd1f49b73b36f27141316f27c47a37dd5893f06db875e10e5832261fbe6e77d13cbe83e156d96c5e1f65fba36cbbff7bd9de76
3fbf7fb15ee93348b7dcb6a6db75b5798fb6eedd2784d2815850bcc7d5f69d43571af76150daa9e7569c3fcbcd42389477324c60e0a60952364ec2c417448483
10cd608f5f76a59329cf5c4fb933631cb6fe6ad8ea5be2e93cda67e3f491b55c968fa7a978702456e3253f1f87c70d91a26bf5d56358ee5eb19daac7e5250169
7b1112da642689aa85447d392883a41ece216816126a65ef8545d3c2a221dd2f53b5c102a8e559816d93039bad96eb7b600246f05485281ecb3ca5a95e665725
f37d667a5b308d0a803dc4b20256996e4aae5b9727579796da39326d90d0cacd24a122a37a180fd11867d52947cf43e3a2b96eae526ad093a150f34169ad68d4
1bef6271d95c83ddba36d058570a1a3bc72db756f5a1644668d67227f0e80f87d10c6a87cbed2ea253787f3612497ac35f46596609175dc4c334e04a74523588
88c0894349d472e5f2f334d0586988e256ae80207cb0e49a202b1f1a3948ba99643c99e091d0d3ae8dc848a7a7a0f0a95658af2af3cb83a5259b43ba07e1f8d8
39a0f3e42e8212f3eb6519c031e1f006a89c46734ce095662e64abfa5b6b4c99eceaef14550da5e388ce429475145dcc53b892f29c8e3acb63a09d656b86806a
21c91ae1c15436583da84637cdbb46ca616bd73ddb48464e13cd55cf345445764dbb8a19332cdbc05a2c2fd7e43556cb1083a6e91d3e95ee75c96d2eb56e6d9f
90770908781e3f4bd73d4743d0a8ad2633a849c69b322c353b1b357bc7728167503b4f93d054bfb674bb16b7bc4758a783c14b757eb05baf5a189a2cf7952ad2
eadb87fe79821d3c04f1e8c28be039155ca5123e3e2408364403b5274965036e914722bb35e0c89927a4e53e2ef96d2fa8f841a1d4f07b05afea950a0dbf5d2d
b47dbf5aeef9e552b75379028d458451d94fbfbbf4e135145d645f5fd4f8c6179868f9a6edca884545a6beb0141571f505a65cd9fe05c621203a8f6b957eb3da
ecd40acd6abb5ff0ba9d46a119d43a856e2da877fbddc06f34fb4f5ce74881bd7635f06abd46a1560e8282572b49fa8d66a1ee552a6dafde6ef4bcf6936c1b03
2b4fe5238b058457f1dafd170000ffff0300504b0304140006000800000021000dd1909fb60000001b010000270000007468656d652f7468656d652f5f72656c
732f7468656d654d616e616765722e786d6c2e72656c73848f4d0ac2301484f78277086f6fd3ba109126dd88d0add40384e4350d363f2451eced0dae2c082e87
61be9969bb979dc9136332de3168aa1a083ae995719ac16db8ec8e4052164e89d93b64b060828e6f37ed1567914b284d262452282e3198720e274a939cd08a54
f980ae38a38f56e422a3a641c8bbd048f7757da0f19b017cc524bd62107bd5001996509affb3fd381a89672f1f165dfe514173d9850528a2c6cce0239baa4c04
ca5bbabac4df000000ffff0300504b01022d0014000600080000002100e9de0fbfff0000001c0200001300000000000000000000000000000000005b436f6e74
656e745f54797065735d2e786d6c504b01022d0014000600080000002100a5d6a7e7c0000000360100000b00000000000000000000000000300100005f72656c
732f2e72656c73504b01022d00140006000800000021006b799616830000008a0000001c00000000000000000000000000190200007468656d652f7468656d65
2f7468656d654d616e616765722e786d6c504b01022d0014000600080000002100663abc14c80600008f1a00001600000000000000000000000000d602000074
68656d652f7468656d652f7468656d65312e786d6c504b01022d00140006000800000021000dd1909fb60000001b0100002700000000000000000000000000d2
0900007468656d652f7468656d652f5f72656c732f7468656d654d616e616765722e786d6c2e72656c73504b050600000000050005005d010000cd0a00000000}
{\*\colorschememapping 3c3f786d6c2076657273696f6e3d22312e302220656e636f64696e673d225554462d3822207374616e64616c6f6e653d22796573223f3e0d0a3c613a636c724d
617020786d6c6e733a613d22687474703a2f2f736368656d61732e6f70656e786d6c666f726d6174732e6f72672f64726177696e676d6c2f323030362f6d6169
6e22206267313d226c743122207478313d22646b3122206267323d226c743222207478323d22646b322220616363656e74313d22616363656e74312220616363
656e74323d22616363656e74322220616363656e74333d22616363656e74332220616363656e74343d22616363656e74342220616363656e74353d22616363656e74352220616363656e74363d22616363656e74362220686c696e6b3d22686c696e6b2220666f6c486c696e6b3d22666f6c486c696e6b222f3e}
{\*\latentstyles\lsdstimax375\lsdlockeddef0\lsdsemihiddendef0\lsdunhideuseddef0\lsdqformatdef0\lsdprioritydef99{\lsdlockedexcept \lsdqformat1 \lsdpriority0 \lsdlocked0 Normal;\lsdqformat1 \lsdpriority9 \lsdlocked0 heading 1;
\lsdsemihidden1 \lsdunhideused1 \lsdqformat1 \lsdpriority9 \lsdlocked0 heading 2;\lsdsemihidden1 \lsdunhideused1 \lsdqformat1 \lsdpriority9 \lsdlocked0 heading 3;\lsdsemihidden1 \lsdunhideused1 \lsdqformat1 \lsdpriority9 \lsdlocked0 heading 4;
\lsdsemihidden1 \lsdunhideused1 \lsdqformat1 \lsdpriority9 \lsdlocked0 heading 5;\lsdsemihidden1 \lsdunhideused1 \lsdqformat1 \lsdpriority9 \lsdlocked0 heading 6;\lsdsemihidden1 \lsdunhideused1 \lsdqformat1 \lsdpriority9 \lsdlocked0 heading 7;
\lsdsemihidden1 \lsdunhideused1 \lsdqformat1 \lsdpriority9 \lsdlocked0 heading 8;\lsdsemihidden1 \lsdunhideused1 \lsdqformat1 \lsdpriority9 \lsdlocked0 heading 9;\lsdsemihidden1 \lsdunhideused1 \lsdlocked0 index 1;
\lsdsemihidden1 \lsdunhideused1 \lsdlocked0 index 2;\lsdsemihidden1 \lsdunhideused1 \lsdlocked0 index 3;\lsdsemihidden1 \lsdunhideused1 \lsdlocked0 index 4;\lsdsemihidden1 \lsdunhideused1 \lsdlocked0 index 5;
\lsdsemihidden1 \lsdunhideused1 \lsdlocked0 index 6;\lsdsemihidden1 \lsdunhideused1 \lsdlocked0 index 7;\lsdsemihidden1 \lsdunhideused1 \lsdlocked0 index 8;\lsdsemihidden1 \lsdunhideused1 \lsdlocked0 index 9;
\lsdsemihidden1 \lsdunhideused1 \lsdpriority39 \lsdlocked0 toc 1;\lsdsemihidden1 \lsdunhideused1 \lsdpriority39 \lsdlocked0 toc 2;\lsdsemihidden1 \lsdunhideused1 \lsdpriority39 \lsdlocked0 toc 3;
\lsdsemihidden1 \lsdunhideused1 \lsdpriority39 \lsdlocked0 toc 4;\lsdsemihidden1 \lsdunhideused1 \lsdpriority39 \lsdlocked0 toc 5;\lsdsemihidden1 \lsdunhideused1 \lsdpriority39 \lsdlocked0 toc 6;
\lsdsemihidden1 \lsdunhideused1 \lsdpriority39 \lsdlocked0 toc 7;\lsdsemihidden1 \lsdunhideused1 \lsdpriority39 \lsdlocked0 toc 8;\lsdsemihidden1 \lsdunhideused1 \lsdpriority39 \lsdlocked0 toc 9;\lsdsemihidden1 \lsdunhideused1 \lsdlocked0 Normal Indent;
\lsdsemihidden1 \lsdunhideused1 \lsdlocked0 footnote text;\lsdsemihidden1 \lsdunhideused1 \lsdlocked0 annotation text;\lsdsemihidden1 \lsdunhideused1 \lsdlocked0 header;\lsdsemihidden1 \lsdunhideused1 \lsdlocked0 footer;
\lsdsemihidden1 \lsdunhideused1 \lsdlocked0 index heading;\lsdsemihidden1 \lsdunhideused1 \lsdqformat1 \lsdpriority35 \lsdlocked0 caption;\lsdsemihidden1 \lsdunhideused1 \lsdlocked0 table of figures;
\lsdsemihidden1 \lsdunhideused1 \lsdlocked0 envelope address;\lsdsemihidden1 \lsdunhideused1 \lsdlocked0 envelope return;\lsdsemihidden1 \lsdunhideused1 \lsdlocked0 footnote reference;\lsdsemihidden1 \lsdunhideused1 \lsdlocked0 annotation reference;
\lsdsemihidden1 \lsdunhideused1 \lsdlocked0 line number;\lsdsemihidden1 \lsdunhideused1 \lsdlocked0 page number;\lsdsemihidden1 \lsdunhideused1 \lsdlocked0 endnote reference;\lsdsemihidden1 \lsdunhideused1 \lsdlocked0 endnote text;
\lsdsemihidden1 \lsdunhideused1 \lsdlocked0 table of authorities;\lsdsemihidden1 \lsdunhideused1 \lsdlocked0 macro;\lsdsemihidden1 \lsdunhideused1 \lsdlocked0 toa heading;\lsdsemihidden1 \lsdunhideused1 \lsdlocked0 List;
\lsdsemihidden1 \lsdunhideused1 \lsdlocked0 List Bullet;\lsdsemihidden1 \lsdunhideused1 \lsdlocked0 List Number;\lsdsemihidden1 \lsdunhideused1 \lsdlocked0 List 2;\lsdsemihidden1 \lsdunhideused1 \lsdlocked0 List 3;
\lsdsemihidden1 \lsdunhideused1 \lsdlocked0 List 4;\lsdsemihidden1 \lsdunhideused1 \lsdlocked0 List 5;\lsdsemihidden1 \lsdunhideused1 \lsdlocked0 List Bullet 2;\lsdsemihidden1 \lsdunhideused1 \lsdlocked0 List Bullet 3;
\lsdsemihidden1 \lsdunhideused1 \lsdlocked0 List Bullet 4;\lsdsemihidden1 \lsdunhideused1 \lsdlocked0 List Bullet 5;\lsdsemihidden1 \lsdunhideused1 \lsdlocked0 List Number 2;\lsdsemihidden1 \lsdunhideused1 \lsdlocked0 List Number 3;
\lsdsemihidden1 \lsdunhideused1 \lsdlocked0 List Number 4;\lsdsemihidden1 \lsdunhideused1 \lsdlocked0 List Number 5;\lsdqformat1 \lsdpriority10 \lsdlocked0 Title;\lsdsemihidden1 \lsdunhideused1 \lsdlocked0 Closing;
\lsdsemihidden1 \lsdunhideused1 \lsdlocked0 Signature;\lsdsemihidden1 \lsdunhideused1 \lsdpriority1 \lsdlocked0 Default Paragraph Font;\lsdsemihidden1 \lsdunhideused1 \lsdlocked0 Body Text;\lsdsemihidden1 \lsdunhideused1 \lsdlocked0 Body Text Indent;
\lsdsemihidden1 \lsdunhideused1 \lsdlocked0 List Continue;\lsdsemihidden1 \lsdunhideused1 \lsdlocked0 List Continue 2;\lsdsemihidden1 \lsdunhideused1 \lsdlocked0 List Continue 3;\lsdsemihidden1 \lsdunhideused1 \lsdlocked0 List Continue 4;
\lsdsemihidden1 \lsdunhideused1 \lsdlocked0 List Continue 5;\lsdsemihidden1 \lsdunhideused1 \lsdlocked0 Message Header;\lsdqformat1 \lsdpriority11 \lsdlocked0 Subtitle;\lsdsemihidden1 \lsdunhideused1 \lsdlocked0 Salutation;
\lsdsemihidden1 \lsdunhideused1 \lsdlocked0 Date;\lsdsemihidden1 \lsdunhideused1 \lsdlocked0 Body Text First Indent;\lsdsemihidden1 \lsdunhideused1 \lsdlocked0 Body Text First Indent 2;\lsdsemihidden1 \lsdunhideused1 \lsdlocked0 Note Heading;
\lsdsemihidden1 \lsdunhideused1 \lsdlocked0 Body Text 2;\lsdsemihidden1 \lsdunhideused1 \lsdlocked0 Body Text 3;\lsdsemihidden1 \lsdunhideused1 \lsdlocked0 Body Text Indent 2;\lsdsemihidden1 \lsdunhideused1 \lsdlocked0 Body Text Indent 3;
\lsdsemihidden1 \lsdunhideused1 \lsdlocked0 Block Text;\lsdsemihidden1 \lsdunhideused1 \lsdlocked0 Hyperlink;\lsdsemihidden1 \lsdunhideused1 \lsdlocked0 FollowedHyperlink;\lsdqformat1 \lsdpriority22 \lsdlocked0 Strong;
\lsdqformat1 \lsdpriority20 \lsdlocked0 Emphasis;\lsdsemihidden1 \lsdunhideused1 \lsdlocked0 Document Map;\lsdsemihidden1 \lsdunhideused1 \lsdlocked0 Plain Text;\lsdsemihidden1 \lsdunhideused1 \lsdlocked0 E-mail Signature;
\lsdsemihidden1 \lsdunhideused1 \lsdlocked0 HTML Top of Form;\lsdsemihidden1 \lsdunhideused1 \lsdlocked0 HTML Bottom of Form;\lsdsemihidden1 \lsdunhideused1 \lsdlocked0 Normal (Web);\lsdsemihidden1 \lsdunhideused1 \lsdlocked0 HTML Acronym;
\lsdsemihidden1 \lsdunhideused1 \lsdlocked0 HTML Address;\lsdsemihidden1 \lsdunhideused1 \lsdlocked0 HTML Cite;\lsdsemihidden1 \lsdunhideused1 \lsdlocked0 HTML Code;\lsdsemihidden1 \lsdunhideused1 \lsdlocked0 HTML Definition;
\lsdsemihidden1 \lsdunhideused1 \lsdlocked0 HTML Keyboard;\lsdsemihidden1 \lsdunhideused1 \lsdlocked0 HTML Preformatted;\lsdsemihidden1 \lsdunhideused1 \lsdlocked0 HTML Sample;\lsdsemihidden1 \lsdunhideused1 \lsdlocked0 HTML Typewriter;
\lsdsemihidden1 \lsdunhideused1 \lsdlocked0 HTML Variable;\lsdsemihidden1 \lsdunhideused1 \lsdlocked0 Normal Table;\lsdsemihidden1 \lsdunhideused1 \lsdlocked0 annotation subject;\lsdsemihidden1 \lsdunhideused1 \lsdlocked0 No List;
\lsdsemihidden1 \lsdunhideused1 \lsdlocked0 Outline List 1;\lsdsemihidden1 \lsdunhideused1 \lsdlocked0 Outline List 2;\lsdsemihidden1 \lsdunhideused1 \lsdlocked0 Outline List 3;\lsdsemihidden1 \lsdunhideused1 \lsdlocked0 Table Simple 1;
\lsdsemihidden1 \lsdunhideused1 \lsdlocked0 Table Simple 2;\lsdsemihidden1 \lsdunhideused1 \lsdlocked0 Table Simple 3;\lsdsemihidden1 \lsdunhideused1 \lsdlocked0 Table Classic 1;\lsdsemihidden1 \lsdunhideused1 \lsdlocked0 Table Classic 2;
\lsdsemihidden1 \lsdunhideused1 \lsdlocked0 Table Classic 3;\lsdsemihidden1 \lsdunhideused1 \lsdlocked0 Table Classic 4;\lsdsemihidden1 \lsdunhideused1 \lsdlocked0 Table Colorful 1;\lsdsemihidden1 \lsdunhideused1 \lsdlocked0 Table Colorful 2;
\lsdsemihidden1 \lsdunhideused1 \lsdlocked0 Table Colorful 3;\lsdsemihidden1 \lsdunhideused1 \lsdlocked0 Table Columns 1;\lsdsemihidden1 \lsdunhideused1 \lsdlocked0 Table Columns 2;\lsdsemihidden1 \lsdunhideused1 \lsdlocked0 Table Columns 3;
\lsdsemihidden1 \lsdunhideused1 \lsdlocked0 Table Columns 4;\lsdsemihidden1 \lsdunhideused1 \lsdlocked0 Table Columns 5;\lsdsemihidden1 \lsdunhideused1 \lsdlocked0 Table Grid 1;\lsdsemihidden1 \lsdunhideused1 \lsdlocked0 Table Grid 2;
\lsdsemihidden1 \lsdunhideused1 \lsdlocked0 Table Grid 3;\lsdsemihidden1 \lsdunhideused1 \lsdlocked0 Table Grid 4;\lsdsemihidden1 \lsdunhideused1 \lsdlocked0 Table Grid 5;\lsdsemihidden1 \lsdunhideused1 \lsdlocked0 Table Grid 6;
\lsdsemihidden1 \lsdunhideused1 \lsdlocked0 Table Grid 7;\lsdsemihidden1 \lsdunhideused1 \lsdlocked0 Table Grid 8;\lsdsemihidden1 \lsdunhideused1 \lsdlocked0 Table List 1;\lsdsemihidden1 \lsdunhideused1 \lsdlocked0 Table List 2;
\lsdsemihidden1 \lsdunhideused1 \lsdlocked0 Table List 3;\lsdsemihidden1 \lsdunhideused1 \lsdlocked0 Table List 4;\lsdsemihidden1 \lsdunhideused1 \lsdlocked0 Table List 5;\lsdsemihidden1 \lsdunhideused1 \lsdlocked0 Table List 6;
\lsdsemihidden1 \lsdunhideused1 \lsdlocked0 Table List 7;\lsdsemihidden1 \lsdunhideused1 \lsdlocked0 Table List 8;\lsdsemihidden1 \lsdunhideused1 \lsdlocked0 Table 3D effects 1;\lsdsemihidden1 \lsdunhideused1 \lsdlocked0 Table 3D effects 2;
\lsdsemihidden1 \lsdunhideused1 \lsdlocked0 Table 3D effects 3;\lsdsemihidden1 \lsdunhideused1 \lsdlocked0 Table Contemporary;\lsdsemihidden1 \lsdunhideused1 \lsdlocked0 Table Elegant;\lsdsemihidden1 \lsdunhideused1 \lsdlocked0 Table Professional;
\lsdsemihidden1 \lsdunhideused1 \lsdlocked0 Table Subtle 1;\lsdsemihidden1 \lsdunhideused1 \lsdlocked0 Table Subtle 2;\lsdsemihidden1 \lsdunhideused1 \lsdlocked0 Table Web 1;\lsdsemihidden1 \lsdunhideused1 \lsdlocked0 Table Web 2;
\lsdsemihidden1 \lsdunhideused1 \lsdlocked0 Table Web 3;\lsdsemihidden1 \lsdunhideused1 \lsdlocked0 Balloon Text;\lsdpriority39 \lsdlocked0 Table Grid;\lsdsemihidden1 \lsdunhideused1 \lsdlocked0 Table Theme;\lsdsemihidden1 \lsdlocked0 Placeholder Text;
\lsdqformat1 \lsdpriority1 \lsdlocked0 No Spacing;\lsdpriority60 \lsdlocked0 Light Shading;\lsdpriority61 \lsdlocked0 Light List;\lsdpriority62 \lsdlocked0 Light Grid;\lsdpriority63 \lsdlocked0 Medium Shading 1;\lsdpriority64 \lsdlocked0 Medium Shading 2;
\lsdpriority65 \lsdlocked0 Medium List 1;\lsdpriority66 \lsdlocked0 Medium List 2;\lsdpriority67 \lsdlocked0 Medium Grid 1;\lsdpriority68 \lsdlocked0 Medium Grid 2;\lsdpriority69 \lsdlocked0 Medium Grid 3;\lsdpriority70 \lsdlocked0 Dark List;
\lsdpriority71 \lsdlocked0 Colorful Shading;\lsdpriority72 \lsdlocked0 Colorful List;\lsdpriority73 \lsdlocked0 Colorful Grid;\lsdpriority60 \lsdlocked0 Light Shading Accent 1;\lsdpriority61 \lsdlocked0 Light List Accent 1;
\lsdpriority62 \lsdlocked0 Light Grid Accent 1;\lsdpriority63 \lsdlocked0 Medium Shading 1 Accent 1;\lsdpriority64 \lsdlocked0 Medium Shading 2 Accent 1;\lsdpriority65 \lsdlocked0 Medium List 1 Accent 1;\lsdsemihidden1 \lsdlocked0 Revision;
\lsdqformat1 \lsdpriority34 \lsdlocked0 List Paragraph;\lsdqformat1 \lsdpriority29 \lsdlocked0 Quote;\lsdqformat1 \lsdpriority30 \lsdlocked0 Intense Quote;\lsdpriority66 \lsdlocked0 Medium List 2 Accent 1;\lsdpriority67 \lsdlocked0 Medium Grid 1 Accent 1;
\lsdpriority68 \lsdlocked0 Medium Grid 2 Accent 1;\lsdpriority69 \lsdlocked0 Medium Grid 3 Accent 1;\lsdpriority70 \lsdlocked0 Dark List Accent 1;\lsdpriority71 \lsdlocked0 Colorful Shading Accent 1;\lsdpriority72 \lsdlocked0 Colorful List Accent 1;
\lsdpriority73 \lsdlocked0 Colorful Grid Accent 1;\lsdpriority60 \lsdlocked0 Light Shading Accent 2;\lsdpriority61 \lsdlocked0 Light List Accent 2;\lsdpriority62 \lsdlocked0 Light Grid Accent 2;\lsdpriority63 \lsdlocked0 Medium Shading 1 Accent 2;
\lsdpriority64 \lsdlocked0 Medium Shading 2 Accent 2;\lsdpriority65 \lsdlocked0 Medium List 1 Accent 2;\lsdpriority66 \lsdlocked0 Medium List 2 Accent 2;\lsdpriority67 \lsdlocked0 Medium Grid 1 Accent 2;\lsdpriority68 \lsdlocked0 Medium Grid 2 Accent 2;
\lsdpriority69 \lsdlocked0 Medium Grid 3 Accent 2;\lsdpriority70 \lsdlocked0 Dark List Accent 2;\lsdpriority71 \lsdlocked0 Colorful Shading Accent 2;\lsdpriority72 \lsdlocked0 Colorful List Accent 2;\lsdpriority73 \lsdlocked0 Colorful Grid Accent 2;
\lsdpriority60 \lsdlocked0 Light Shading Accent 3;\lsdpriority61 \lsdlocked0 Light List Accent 3;\lsdpriority62 \lsdlocked0 Light Grid Accent 3;\lsdpriority63 \lsdlocked0 Medium Shading 1 Accent 3;\lsdpriority64 \lsdlocked0 Medium Shading 2 Accent 3;
\lsdpriority65 \lsdlocked0 Medium List 1 Accent 3;\lsdpriority66 \lsdlocked0 Medium List 2 Accent 3;\lsdpriority67 \lsdlocked0 Medium Grid 1 Accent 3;\lsdpriority68 \lsdlocked0 Medium Grid 2 Accent 3;\lsdpriority69 \lsdlocked0 Medium Grid 3 Accent 3;
\lsdpriority70 \lsdlocked0 Dark List Accent 3;\lsdpriority71 \lsdlocked0 Colorful Shading Accent 3;\lsdpriority72 \lsdlocked0 Colorful List Accent 3;\lsdpriority73 \lsdlocked0 Colorful Grid Accent 3;\lsdpriority60 \lsdlocked0 Light Shading Accent 4;
\lsdpriority61 \lsdlocked0 Light List Accent 4;\lsdpriority62 \lsdlocked0 Light Grid Accent 4;\lsdpriority63 \lsdlocked0 Medium Shading 1 Accent 4;\lsdpriority64 \lsdlocked0 Medium Shading 2 Accent 4;\lsdpriority65 \lsdlocked0 Medium List 1 Accent 4;
\lsdpriority66 \lsdlocked0 Medium List 2 Accent 4;\lsdpriority67 \lsdlocked0 Medium Grid 1 Accent 4;\lsdpriority68 \lsdlocked0 Medium Grid 2 Accent 4;\lsdpriority69 \lsdlocked0 Medium Grid 3 Accent 4;\lsdpriority70 \lsdlocked0 Dark List Accent 4;
\lsdpriority71 \lsdlocked0 Colorful Shading Accent 4;\lsdpriority72 \lsdlocked0 Colorful List Accent 4;\lsdpriority73 \lsdlocked0 Colorful Grid Accent 4;\lsdpriority60 \lsdlocked0 Light Shading Accent 5;\lsdpriority61 \lsdlocked0 Light List Accent 5;
\lsdpriority62 \lsdlocked0 Light Grid Accent 5;\lsdpriority63 \lsdlocked0 Medium Shading 1 Accent 5;\lsdpriority64 \lsdlocked0 Medium Shading 2 Accent 5;\lsdpriority65 \lsdlocked0 Medium List 1 Accent 5;\lsdpriority66 \lsdlocked0 Medium List 2 Accent 5;
\lsdpriority67 \lsdlocked0 Medium Grid 1 Accent 5;\lsdpriority68 \lsdlocked0 Medium Grid 2 Accent 5;\lsdpriority69 \lsdlocked0 Medium Grid 3 Accent 5;\lsdpriority70 \lsdlocked0 Dark List Accent 5;\lsdpriority71 \lsdlocked0 Colorful Shading Accent 5;
\lsdpriority72 \lsdlocked0 Colorful List Accent 5;\lsdpriority73 \lsdlocked0 Colorful Grid Accent 5;\lsdpriority60 \lsdlocked0 Light Shading Accent 6;\lsdpriority61 \lsdlocked0 Light List Accent 6;\lsdpriority62 \lsdlocked0 Light Grid Accent 6;
\lsdpriority63 \lsdlocked0 Medium Shading 1 Accent 6;\lsdpriority64 \lsdlocked0 Medium Shading 2 Accent 6;\lsdpriority65 \lsdlocked0 Medium List 1 Accent 6;\lsdpriority66 \lsdlocked0 Medium List 2 Accent 6;
\lsdpriority67 \lsdlocked0 Medium Grid 1 Accent 6;\lsdpriority68 \lsdlocked0 Medium Grid 2 Accent 6;\lsdpriority69 \lsdlocked0 Medium Grid 3 Accent 6;\lsdpriority70 \lsdlocked0 Dark List Accent 6;\lsdpriority71 \lsdlocked0 Colorful Shading Accent 6;
\lsdpriority72 \lsdlocked0 Colorful List Accent 6;\lsdpriority73 \lsdlocked0 Colorful Grid Accent 6;\lsdqformat1 \lsdpriority19 \lsdlocked0 Subtle Emphasis;\lsdqformat1 \lsdpriority21 \lsdlocked0 Intense Emphasis;
\lsdqformat1 \lsdpriority31 \lsdlocked0 Subtle Reference;\lsdqformat1 \lsdpriority32 \lsdlocked0 Intense Reference;\lsdqformat1 \lsdpriority33 \lsdlocked0 Book Title;\lsdsemihidden1 \lsdunhideused1 \lsdpriority37 \lsdlocked0 Bibliography;
\lsdsemihidden1 \lsdunhideused1 \lsdqformat1 \lsdpriority39 \lsdlocked0 TOC Heading;\lsdpriority41 \lsdlocked0 Plain Table 1;\lsdpriority42 \lsdlocked0 Plain Table 2;\lsdpriority43 \lsdlocked0 Plain Table 3;\lsdpriority44 \lsdlocked0 Plain Table 4;
\lsdpriority45 \lsdlocked0 Plain Table 5;\lsdpriority40 \lsdlocked0 Grid Table Light;\lsdpriority46 \lsdlocked0 Grid Table 1 Light;\lsdpriority47 \lsdlocked0 Grid Table 2;\lsdpriority48 \lsdlocked0 Grid Table 3;\lsdpriority49 \lsdlocked0 Grid Table 4;
\lsdpriority50 \lsdlocked0 Grid Table 5 Dark;\lsdpriority51 \lsdlocked0 Grid Table 6 Colorful;\lsdpriority52 \lsdlocked0 Grid Table 7 Colorful;\lsdpriority46 \lsdlocked0 Grid Table 1 Light Accent 1;\lsdpriority47 \lsdlocked0 Grid Table 2 Accent 1;
\lsdpriority48 \lsdlocked0 Grid Table 3 Accent 1;\lsdpriority49 \lsdlocked0 Grid Table 4 Accent 1;\lsdpriority50 \lsdlocked0 Grid Table 5 Dark Accent 1;\lsdpriority51 \lsdlocked0 Grid Table 6 Colorful Accent 1;
\lsdpriority52 \lsdlocked0 Grid Table 7 Colorful Accent 1;\lsdpriority46 \lsdlocked0 Grid Table 1 Light Accent 2;\lsdpriority47 \lsdlocked0 Grid Table 2 Accent 2;\lsdpriority48 \lsdlocked0 Grid Table 3 Accent 2;
\lsdpriority49 \lsdlocked0 Grid Table 4 Accent 2;\lsdpriority50 \lsdlocked0 Grid Table 5 Dark Accent 2;\lsdpriority51 \lsdlocked0 Grid Table 6 Colorful Accent 2;\lsdpriority52 \lsdlocked0 Grid Table 7 Colorful Accent 2;
\lsdpriority46 \lsdlocked0 Grid Table 1 Light Accent 3;\lsdpriority47 \lsdlocked0 Grid Table 2 Accent 3;\lsdpriority48 \lsdlocked0 Grid Table 3 Accent 3;\lsdpriority49 \lsdlocked0 Grid Table 4 Accent 3;
\lsdpriority50 \lsdlocked0 Grid Table 5 Dark Accent 3;\lsdpriority51 \lsdlocked0 Grid Table 6 Colorful Accent 3;\lsdpriority52 \lsdlocked0 Grid Table 7 Colorful Accent 3;\lsdpriority46 \lsdlocked0 Grid Table 1 Light Accent 4;
\lsdpriority47 \lsdlocked0 Grid Table 2 Accent 4;\lsdpriority48 \lsdlocked0 Grid Table 3 Accent 4;\lsdpriority49 \lsdlocked0 Grid Table 4 Accent 4;\lsdpriority50 \lsdlocked0 Grid Table 5 Dark Accent 4;
\lsdpriority51 \lsdlocked0 Grid Table 6 Colorful Accent 4;\lsdpriority52 \lsdlocked0 Grid Table 7 Colorful Accent 4;\lsdpriority46 \lsdlocked0 Grid Table 1 Light Accent 5;\lsdpriority47 \lsdlocked0 Grid Table 2 Accent 5;
\lsdpriority48 \lsdlocked0 Grid Table 3 Accent 5;\lsdpriority49 \lsdlocked0 Grid Table 4 Accent 5;\lsdpriority50 \lsdlocked0 Grid Table 5 Dark Accent 5;\lsdpriority51 \lsdlocked0 Grid Table 6 Colorful Accent 5;
\lsdpriority52 \lsdlocked0 Grid Table 7 Colorful Accent 5;\lsdpriority46 \lsdlocked0 Grid Table 1 Light Accent 6;\lsdpriority47 \lsdlocked0 Grid Table 2 Accent 6;\lsdpriority48 \lsdlocked0 Grid Table 3 Accent 6;
\lsdpriority49 \lsdlocked0 Grid Table 4 Accent 6;\lsdpriority50 \lsdlocked0 Grid Table 5 Dark Accent 6;\lsdpriority51 \lsdlocked0 Grid Table 6 Colorful Accent 6;\lsdpriority52 \lsdlocked0 Grid Table 7 Colorful Accent 6;
\lsdpriority46 \lsdlocked0 List Table 1 Light;\lsdpriority47 \lsdlocked0 List Table 2;\lsdpriority48 \lsdlocked0 List Table 3;\lsdpriority49 \lsdlocked0 List Table 4;\lsdpriority50 \lsdlocked0 List Table 5 Dark;
\lsdpriority51 \lsdlocked0 List Table 6 Colorful;\lsdpriority52 \lsdlocked0 List Table 7 Colorful;\lsdpriority46 \lsdlocked0 List Table 1 Light Accent 1;\lsdpriority47 \lsdlocked0 List Table 2 Accent 1;\lsdpriority48 \lsdlocked0 List Table 3 Accent 1;
\lsdpriority49 \lsdlocked0 List Table 4 Accent 1;\lsdpriority50 \lsdlocked0 List Table 5 Dark Accent 1;\lsdpriority51 \lsdlocked0 List Table 6 Colorful Accent 1;\lsdpriority52 \lsdlocked0 List Table 7 Colorful Accent 1;
\lsdpriority46 \lsdlocked0 List Table 1 Light Accent 2;\lsdpriority47 \lsdlocked0 List Table 2 Accent 2;\lsdpriority48 \lsdlocked0 List Table 3 Accent 2;\lsdpriority49 \lsdlocked0 List Table 4 Accent 2;
\lsdpriority50 \lsdlocked0 List Table 5 Dark Accent 2;\lsdpriority51 \lsdlocked0 List Table 6 Colorful Accent 2;\lsdpriority52 \lsdlocked0 List Table 7 Colorful Accent 2;\lsdpriority46 \lsdlocked0 List Table 1 Light Accent 3;
\lsdpriority47 \lsdlocked0 List Table 2 Accent 3;\lsdpriority48 \lsdlocked0 List Table 3 Accent 3;\lsdpriority49 \lsdlocked0 List Table 4 Accent 3;\lsdpriority50 \lsdlocked0 List Table 5 Dark Accent 3;
\lsdpriority51 \lsdlocked0 List Table 6 Colorful Accent 3;\lsdpriority52 \lsdlocked0 List Table 7 Colorful Accent 3;\lsdpriority46 \lsdlocked0 List Table 1 Light Accent 4;\lsdpriority47 \lsdlocked0 List Table 2 Accent 4;
\lsdpriority48 \lsdlocked0 List Table 3 Accent 4;\lsdpriority49 \lsdlocked0 List Table 4 Accent 4;\lsdpriority50 \lsdlocked0 List Table 5 Dark Accent 4;\lsdpriority51 \lsdlocked0 List Table 6 Colorful Accent 4;
\lsdpriority52 \lsdlocked0 List Table 7 Colorful Accent 4;\lsdpriority46 \lsdlocked0 List Table 1 Light Accent 5;\lsdpriority47 \lsdlocked0 List Table 2 Accent 5;\lsdpriority48 \lsdlocked0 List Table 3 Accent 5;
\lsdpriority49 \lsdlocked0 List Table 4 Accent 5;\lsdpriority50 \lsdlocked0 List Table 5 Dark Accent 5;\lsdpriority51 \lsdlocked0 List Table 6 Colorful Accent 5;\lsdpriority52 \lsdlocked0 List Table 7 Colorful Accent 5;
\lsdpriority46 \lsdlocked0 List Table 1 Light Accent 6;\lsdpriority47 \lsdlocked0 List Table 2 Accent 6;\lsdpriority48 \lsdlocked0 List Table 3 Accent 6;\lsdpriority49 \lsdlocked0 List Table 4 Accent 6;
\lsdpriority50 \lsdlocked0 List Table 5 Dark Accent 6;\lsdpriority51 \lsdlocked0 List Table 6 Colorful Accent 6;\lsdpriority52 \lsdlocked0 List Table 7 Colorful Accent 6;\lsdsemihidden1 \lsdunhideused1 \lsdlocked0 Mention;
\lsdsemihidden1 \lsdunhideused1 \lsdlocked0 Smart Hyperlink;\lsdsemihidden1 \lsdunhideused1 \lsdlocked0 Hashtag;\lsdsemihidden1 \lsdunhideused1 \lsdlocked0 Unresolved Mention;}}{\*\datastore 010500000200000018000000
4d73786d6c322e534158584d4c5265616465722e362e30000000000000000000000e0000
d0cf11e0a1b11ae1000000000000000000000000000000003e000300feff0900060000000000000000000000010000000100000000000000001000000200000001000000feffffff0000000000000000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dffffff04000000feffffff05000000fefffffffe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52006f006f007400200045006e00740072007900000000000000000000000000000000000000000000000000000000000000000000000000000000000000000016000500ffffffffffffffff010000000c6ad98892f1d411a65f0040963251e5000000000000000000000000206f
e8b187d6da0103000000c0020000000000004d0073006f004400610074006100530074006f0072006500000000000000000000000000000000000000000000000000000000000000000000000000000000001a000101ffffffffffffffff020000000000000000000000000000000000000000000000206fe8b187d6da01
206fe8b187d6da01000000000000000000000000c7005300df00c40049004700de00c700d9005500da0034004700c600cd00d1004c004f003200d500d700c0003d003d000000000000000000000000000000000032000101ffffffffffffffff030000000000000000000000000000000000000000000000206fe8b187d6
da01206fe8b187d6da010000000000000000000000004900740065006d0000000000000000000000000000000000000000000000000000000000000000000000000000000000000000000000000000000000000000000a000201ffffffff04000000ffffffff000000000000000000000000000000000000000000000000
00000000000000000000000000000000320100000000000001000000020000000300000004000000feffffff060000000700000008000000090000000a000000fe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3c3f786d6c2076657273696f6e3d22312e302220656e636f64696e673d225554462d3822207374616e64616c6f6e653d226e6f223f3e3c623a536f757263657320786d6c6e733a623d22687474703a2f2f736368656d61732e6f70656e78
6d6c666f726d6174732e6f72672f6f6666696365446f63756d656e742f323030362f6269626c696f6772617068792220786d6c6e733d22687474703a2f2f736368656d61732e6f70656e786d6c666f726d6174732e6f72672f6f6666696365446f63756d656e742f323030362f6269626c696f677261706879222053656c
65637465645374796c653d225c415041536978746845646974696f6e4f66666963654f6e6c696e652e78736c22205374796c654e616d653d22415041222056657273696f6e3d2236223e3c2f623a536f75726365733e00000000000000000000000000003c3f786d6c2076657273696f6e3d22312e302220656e636f6469
6e673d225554462d3822207374616e64616c6f6e653d226e6f223f3e0d0a3c64733a6461746173746f72654974656d2064733a6974656d49443d227b32304534324639442d413736462d344545352d394531412d3642373132434537333544457d2220786d6c6e733a64733d22687474703a2f2f736368656d61732e6f70
656e786d6c666f726d6174732e6f72672f6f6666696365446f63756d656e742f323030362f637573500072006f007000650072007400690065007300000000000000000000000000000000000000000000000000000000000000000000000000000000000000000016000200ffffffffffffffffffffffff000000000000
0000000000000000000000000000000000000000000000000000000000000500000055010000000000000000000000000000000000000000000000000000000000000000000000000000000000000000000000000000000000000000000000000000000000000000000000000000ffffffffffffffffffffffff00000000
00000000000000000000000000000000000000000000000000000000000000000000000000000000000000000000000000000000000000000000000000000000000000000000000000000000000000000000000000000000000000000000000000000000000000000000000000000000ffffffffffffffffffffffff0000
000000000000000000000000000000000000000000000000000000000000000000000000000000000000000000000000000000000000000000000000000000000000000000000000000000000000000000000000000000000000000000000000000000000000000000000000000000000000ffffffffffffffffffffffff
000000000000000000000000000000000000000000000000000000000000000000000000000000000000000000000000746f6d586d6c223e3c64733a736368656d61526566733e3c64733a736368656d615265662064733a7572693d22687474703a2f2f736368656d61732e6f70656e786d6c666f726d6174732e6f7267
2f6f6666696365446f63756d656e742f323030362f6269626c696f677261706879222f3e3c2f64733a736368656d61526566733e3c2f64733a6461746173746f72654974656d3e00000000000000000000000000000000000000000000000000000000000000000000000000000000000000000000000000000000000000
000000000000000000000000000000000000000000000000000000000000000000000000000000000000000000000000000000000000000000000000000000000000000000000000000000000000000000000000000000000000000000000000000000000000000000000000000000000000000000000000000000000000
000000000000000000000000000000000000000000000000000000000000000000000000000000000000000000000000000000000000000000000000000000000000000000000000000000000000000000000000000000000000000000000000000000000000000000000000000000000000000000000000000000000000
00000000000000000000000000000000000000000000000000000000000000000000000000000000000000000000000000000000000000000105000000000000}}</w:t>
      </w:r>
    </w:p>
    <w:sectPr>
      <w:pgSz w:orient="portrait" w:w="11905.511811023622" w:h="16837.79527559055"/>
      <w:pgMar w:top="1440" w:right="1440" w:bottom="1440" w:left="1440" w:header="720" w:footer="720" w:gutter="0"/>
      <w:cols w:num="1" w:space="720"/>
    </w:sectPr>
  </w:body>
</w:document>
</file>

<file path=word/comments.xml><?xml version="1.0" encoding="utf-8"?>
<w:comment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/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Garamond">
    <w:panose1 w:val="02020404030301010803"/>
    <w:charset w:val="00"/>
    <w:family w:val="roman"/>
    <w:pitch w:val="variable"/>
    <w:sig w:usb0="00000287" w:usb1="00000002" w:usb2="00000000" w:usb3="00000000" w:csb0="000000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/>
</file>

<file path=word/settings.xml><?xml version="1.0" encoding="utf-8"?>
<w:settings xmlns:r="http://schemas.openxmlformats.org/officeDocument/2006/relationships" xmlns:w="http://schemas.openxmlformats.org/wordprocessingml/2006/main" xmlns:m="http://schemas.openxmlformats.org/officeDocument/2006/math" xmlns:sl="http://schemas.openxmlformats.org/schemaLibrary/2006/main" xmlns:o="urn:schemas-microsoft-com:office:office" xmlns:v="urn:schemas-microsoft-com:vml" xmlns:w10="urn:schemas-microsoft-com:office:word">
  <w:defaultTabStop w:val="708"/>
  <w:hyphenationZone w:val="425"/>
  <w:characterSpacingControl w:val="doNotCompress"/>
  <w:decimalSymbol w:val="."/>
  <w:listSeparator w:val=";"/>
  <w:compat>
    <w:compatSetting w:name="compatibilityMode" w:uri="http://schemas.microsoft.com/office/word" w:val="12"/>
  </w:compat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clrSchemeMapping w:bg1="light1" w:t1="dark1" w:bg2="light2" w:t2="dark2" w:accent1="accent1" w:accent2="accent2" w:accent3="accent3" w:accent4="accent4" w:accent5="accent5" w:accent6="accent6" w:hyperlink="hyperlink" w:followedHyperlink="followedHyperlink"/>
  <w:hideSpellingErrors w:val="false"/>
  <w:hideGrammaticalErrors w:val="false"/>
  <w:trackRevisions w:val="false"/>
  <w:doNotTrackMoves w:val="false"/>
  <w:doNotTrackFormatting w:val="false"/>
  <w:evenAndOddHeaders w:val="false"/>
  <w:updateFields w:val="false"/>
  <w:bookFoldPrinting w:val="false"/>
  <w:themeFontLang w:val="en-US"/>
  <w:zoom w:percent="100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Arial" w:hAnsi="Arial" w:eastAsia="Arial" w:cs="Arial"/>
        <w:sz w:val="20"/>
        <w:szCs w:val="20"/>
        <w:lang w:val="en-US"/>
      </w:rPr>
    </w:rPrDefault>
  </w:docDefaults>
  <w:style w:type="paragraph" w:default="1" w:styleId="Normal">
    <w:name w:val="Normal"/>
  </w:style>
  <w:style w:type="character" w:styleId="FootnoteReference">
    <w:name w:val="Footnote Reference"/>
    <w:semiHidden/>
    <w:unhideWhenUsed/>
    <w:rPr>
      <w:vertAlign w:val="superscript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numbering" Target="numbering.xml"/><Relationship Id="rId3" Type="http://schemas.openxmlformats.org/officeDocument/2006/relationships/settings" Target="settings.xml"/><Relationship Id="rId4" Type="http://schemas.openxmlformats.org/officeDocument/2006/relationships/theme" Target="theme/theme1.xml"/><Relationship Id="rId5" Type="http://schemas.openxmlformats.org/officeDocument/2006/relationships/webSettings" Target="webSettings.xml"/><Relationship Id="rId6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Application>PHPWord</Application>
  <Company/>
  <Manager/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dc:title/>
  <dc:description/>
  <dc:subject/>
  <cp:keywords/>
  <cp:category/>
  <cp:lastModifiedBy/>
  <dcterms:created xsi:type="dcterms:W3CDTF">2024-07-15T08:45:44+00:00</dcterms:created>
  <dcterms:modified xsi:type="dcterms:W3CDTF">2024-07-15T08:45:44+00:00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/>
</file>